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4"/>
  </p:sldMasterIdLst>
  <p:notesMasterIdLst>
    <p:notesMasterId r:id="rId6"/>
  </p:notesMasterIdLst>
  <p:handoutMasterIdLst>
    <p:handoutMasterId r:id="rId7"/>
  </p:handoutMasterIdLst>
  <p:sldIdLst>
    <p:sldId id="338" r:id="rId5"/>
  </p:sldIdLst>
  <p:sldSz cx="12188825" cy="6858000"/>
  <p:notesSz cx="6858000" cy="9144000"/>
  <p:custDataLst>
    <p:tags r:id="rId8"/>
  </p:custDataLst>
  <p:defaultTextStyle>
    <a:defPPr>
      <a:defRPr lang="en-US"/>
    </a:defPPr>
    <a:lvl1pPr marL="0" algn="l" defTabSz="1218987" rtl="0" eaLnBrk="1" latinLnBrk="0" hangingPunct="1">
      <a:defRPr sz="2400" kern="1200">
        <a:solidFill>
          <a:schemeClr val="tx1"/>
        </a:solidFill>
        <a:latin typeface="+mn-lt"/>
        <a:ea typeface="+mn-ea"/>
        <a:cs typeface="+mn-cs"/>
      </a:defRPr>
    </a:lvl1pPr>
    <a:lvl2pPr marL="609493" algn="l" defTabSz="1218987" rtl="0" eaLnBrk="1" latinLnBrk="0" hangingPunct="1">
      <a:defRPr sz="2400" kern="1200">
        <a:solidFill>
          <a:schemeClr val="tx1"/>
        </a:solidFill>
        <a:latin typeface="+mn-lt"/>
        <a:ea typeface="+mn-ea"/>
        <a:cs typeface="+mn-cs"/>
      </a:defRPr>
    </a:lvl2pPr>
    <a:lvl3pPr marL="1218987" algn="l" defTabSz="1218987" rtl="0" eaLnBrk="1" latinLnBrk="0" hangingPunct="1">
      <a:defRPr sz="2400" kern="1200">
        <a:solidFill>
          <a:schemeClr val="tx1"/>
        </a:solidFill>
        <a:latin typeface="+mn-lt"/>
        <a:ea typeface="+mn-ea"/>
        <a:cs typeface="+mn-cs"/>
      </a:defRPr>
    </a:lvl3pPr>
    <a:lvl4pPr marL="1828480" algn="l" defTabSz="1218987" rtl="0" eaLnBrk="1" latinLnBrk="0" hangingPunct="1">
      <a:defRPr sz="2400" kern="1200">
        <a:solidFill>
          <a:schemeClr val="tx1"/>
        </a:solidFill>
        <a:latin typeface="+mn-lt"/>
        <a:ea typeface="+mn-ea"/>
        <a:cs typeface="+mn-cs"/>
      </a:defRPr>
    </a:lvl4pPr>
    <a:lvl5pPr marL="2437973" algn="l" defTabSz="1218987" rtl="0" eaLnBrk="1" latinLnBrk="0" hangingPunct="1">
      <a:defRPr sz="2400" kern="1200">
        <a:solidFill>
          <a:schemeClr val="tx1"/>
        </a:solidFill>
        <a:latin typeface="+mn-lt"/>
        <a:ea typeface="+mn-ea"/>
        <a:cs typeface="+mn-cs"/>
      </a:defRPr>
    </a:lvl5pPr>
    <a:lvl6pPr marL="3047467" algn="l" defTabSz="1218987" rtl="0" eaLnBrk="1" latinLnBrk="0" hangingPunct="1">
      <a:defRPr sz="2400" kern="1200">
        <a:solidFill>
          <a:schemeClr val="tx1"/>
        </a:solidFill>
        <a:latin typeface="+mn-lt"/>
        <a:ea typeface="+mn-ea"/>
        <a:cs typeface="+mn-cs"/>
      </a:defRPr>
    </a:lvl6pPr>
    <a:lvl7pPr marL="3656960" algn="l" defTabSz="1218987" rtl="0" eaLnBrk="1" latinLnBrk="0" hangingPunct="1">
      <a:defRPr sz="2400" kern="1200">
        <a:solidFill>
          <a:schemeClr val="tx1"/>
        </a:solidFill>
        <a:latin typeface="+mn-lt"/>
        <a:ea typeface="+mn-ea"/>
        <a:cs typeface="+mn-cs"/>
      </a:defRPr>
    </a:lvl7pPr>
    <a:lvl8pPr marL="4266453" algn="l" defTabSz="1218987" rtl="0" eaLnBrk="1" latinLnBrk="0" hangingPunct="1">
      <a:defRPr sz="2400" kern="1200">
        <a:solidFill>
          <a:schemeClr val="tx1"/>
        </a:solidFill>
        <a:latin typeface="+mn-lt"/>
        <a:ea typeface="+mn-ea"/>
        <a:cs typeface="+mn-cs"/>
      </a:defRPr>
    </a:lvl8pPr>
    <a:lvl9pPr marL="4875947" algn="l" defTabSz="1218987" rtl="0" eaLnBrk="1" latinLnBrk="0" hangingPunct="1">
      <a:defRPr sz="24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463">
          <p15:clr>
            <a:srgbClr val="A4A3A4"/>
          </p15:clr>
        </p15:guide>
        <p15:guide id="2" orient="horz" pos="4212">
          <p15:clr>
            <a:srgbClr val="A4A3A4"/>
          </p15:clr>
        </p15:guide>
        <p15:guide id="3" orient="horz" pos="3887">
          <p15:clr>
            <a:srgbClr val="A4A3A4"/>
          </p15:clr>
        </p15:guide>
        <p15:guide id="4" pos="3943">
          <p15:clr>
            <a:srgbClr val="A4A3A4"/>
          </p15:clr>
        </p15:guide>
        <p15:guide id="5" pos="2279">
          <p15:clr>
            <a:srgbClr val="A4A3A4"/>
          </p15:clr>
        </p15:guide>
        <p15:guide id="6" pos="5452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2880">
          <p15:clr>
            <a:srgbClr val="A4A3A4"/>
          </p15:clr>
        </p15:guide>
        <p15:guide id="2" pos="2160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94E95"/>
    <a:srgbClr val="7A126B"/>
    <a:srgbClr val="F26A52"/>
    <a:srgbClr val="E6E2E4"/>
    <a:srgbClr val="ABA8B1"/>
    <a:srgbClr val="4E444E"/>
    <a:srgbClr val="1E0113"/>
    <a:srgbClr val="C9D0F0"/>
    <a:srgbClr val="11184F"/>
    <a:srgbClr val="D9C1D8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69BC6CFC-1EA8-4AAF-98AE-0705184B78A6}" v="1" dt="2024-01-16T10:00:11.321"/>
  </p1510:revLst>
</p1510:revInfo>
</file>

<file path=ppt/tableStyles.xml><?xml version="1.0" encoding="utf-8"?>
<a:tblStyleLst xmlns:a="http://schemas.openxmlformats.org/drawingml/2006/main" def="{5C22544A-7EE6-4342-B048-85BDC9FD1C3A}">
  <a:tblStyle styleId="{9D7B26C5-4107-4FEC-AEDC-1716B250A1EF}" styleName="Light Style 1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tx1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tx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tx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tx1"/>
              </a:solidFill>
            </a:ln>
          </a:bottom>
        </a:tcBdr>
        <a:fill>
          <a:noFill/>
        </a:fill>
      </a:tcStyle>
    </a:firstRow>
  </a:tblStyle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3247" autoAdjust="0"/>
    <p:restoredTop sz="81250" autoAdjust="0"/>
  </p:normalViewPr>
  <p:slideViewPr>
    <p:cSldViewPr snapToGrid="0" snapToObjects="1">
      <p:cViewPr varScale="1">
        <p:scale>
          <a:sx n="77" d="100"/>
          <a:sy n="77" d="100"/>
        </p:scale>
        <p:origin x="892" y="56"/>
      </p:cViewPr>
      <p:guideLst>
        <p:guide orient="horz" pos="463"/>
        <p:guide orient="horz" pos="4212"/>
        <p:guide orient="horz" pos="3887"/>
        <p:guide pos="3943"/>
        <p:guide pos="2279"/>
        <p:guide pos="5452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200" d="100"/>
        <a:sy n="200" d="100"/>
      </p:scale>
      <p:origin x="0" y="-19848"/>
    </p:cViewPr>
  </p:sorterViewPr>
  <p:notesViewPr>
    <p:cSldViewPr snapToGrid="0" snapToObjects="1">
      <p:cViewPr varScale="1">
        <p:scale>
          <a:sx n="85" d="100"/>
          <a:sy n="85" d="100"/>
        </p:scale>
        <p:origin x="3804" y="90"/>
      </p:cViewPr>
      <p:guideLst>
        <p:guide orient="horz" pos="2880"/>
        <p:guide pos="2160"/>
      </p:guideLst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13" Type="http://schemas.microsoft.com/office/2016/11/relationships/changesInfo" Target="changesInfos/changesInfo1.xml"/><Relationship Id="rId3" Type="http://schemas.openxmlformats.org/officeDocument/2006/relationships/customXml" Target="../customXml/item3.xml"/><Relationship Id="rId7" Type="http://schemas.openxmlformats.org/officeDocument/2006/relationships/handoutMaster" Target="handoutMasters/handoutMaster1.xml"/><Relationship Id="rId12" Type="http://schemas.openxmlformats.org/officeDocument/2006/relationships/tableStyles" Target="tableStyles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notesMaster" Target="notesMasters/notesMaster1.xml"/><Relationship Id="rId11" Type="http://schemas.openxmlformats.org/officeDocument/2006/relationships/theme" Target="theme/theme1.xml"/><Relationship Id="rId5" Type="http://schemas.openxmlformats.org/officeDocument/2006/relationships/slide" Target="slides/slide1.xml"/><Relationship Id="rId10" Type="http://schemas.openxmlformats.org/officeDocument/2006/relationships/viewProps" Target="viewProps.xml"/><Relationship Id="rId4" Type="http://schemas.openxmlformats.org/officeDocument/2006/relationships/slideMaster" Target="slideMasters/slideMaster1.xml"/><Relationship Id="rId9" Type="http://schemas.openxmlformats.org/officeDocument/2006/relationships/presProps" Target="presProps.xml"/><Relationship Id="rId14" Type="http://schemas.microsoft.com/office/2015/10/relationships/revisionInfo" Target="revisionInfo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Tudor Panait" userId="8079f9a1-7439-4f43-8550-a78781261707" providerId="ADAL" clId="{F951C655-9C5F-4262-AB21-DDF9113A59E5}"/>
    <pc:docChg chg="addSld delSld modSld">
      <pc:chgData name="Tudor Panait" userId="8079f9a1-7439-4f43-8550-a78781261707" providerId="ADAL" clId="{F951C655-9C5F-4262-AB21-DDF9113A59E5}" dt="2023-11-06T16:22:44.493" v="6" actId="20577"/>
      <pc:docMkLst>
        <pc:docMk/>
      </pc:docMkLst>
      <pc:sldChg chg="del">
        <pc:chgData name="Tudor Panait" userId="8079f9a1-7439-4f43-8550-a78781261707" providerId="ADAL" clId="{F951C655-9C5F-4262-AB21-DDF9113A59E5}" dt="2023-11-06T16:22:01.844" v="0" actId="47"/>
        <pc:sldMkLst>
          <pc:docMk/>
          <pc:sldMk cId="2516393441" sldId="314"/>
        </pc:sldMkLst>
      </pc:sldChg>
      <pc:sldChg chg="del">
        <pc:chgData name="Tudor Panait" userId="8079f9a1-7439-4f43-8550-a78781261707" providerId="ADAL" clId="{F951C655-9C5F-4262-AB21-DDF9113A59E5}" dt="2023-11-06T16:22:03.364" v="1" actId="47"/>
        <pc:sldMkLst>
          <pc:docMk/>
          <pc:sldMk cId="847599242" sldId="336"/>
        </pc:sldMkLst>
      </pc:sldChg>
      <pc:sldChg chg="del">
        <pc:chgData name="Tudor Panait" userId="8079f9a1-7439-4f43-8550-a78781261707" providerId="ADAL" clId="{F951C655-9C5F-4262-AB21-DDF9113A59E5}" dt="2023-11-06T16:22:14.468" v="3" actId="47"/>
        <pc:sldMkLst>
          <pc:docMk/>
          <pc:sldMk cId="3468125310" sldId="337"/>
        </pc:sldMkLst>
      </pc:sldChg>
      <pc:sldChg chg="modSp add mod">
        <pc:chgData name="Tudor Panait" userId="8079f9a1-7439-4f43-8550-a78781261707" providerId="ADAL" clId="{F951C655-9C5F-4262-AB21-DDF9113A59E5}" dt="2023-11-06T16:22:44.493" v="6" actId="20577"/>
        <pc:sldMkLst>
          <pc:docMk/>
          <pc:sldMk cId="3916634927" sldId="338"/>
        </pc:sldMkLst>
        <pc:graphicFrameChg chg="modGraphic">
          <ac:chgData name="Tudor Panait" userId="8079f9a1-7439-4f43-8550-a78781261707" providerId="ADAL" clId="{F951C655-9C5F-4262-AB21-DDF9113A59E5}" dt="2023-11-06T16:22:44.493" v="6" actId="20577"/>
          <ac:graphicFrameMkLst>
            <pc:docMk/>
            <pc:sldMk cId="3916634927" sldId="338"/>
            <ac:graphicFrameMk id="4" creationId="{41DE50B7-EBC6-49FD-8FBE-3E1C4D1A5EB0}"/>
          </ac:graphicFrameMkLst>
        </pc:graphicFrameChg>
      </pc:sldChg>
      <pc:sldChg chg="del">
        <pc:chgData name="Tudor Panait" userId="8079f9a1-7439-4f43-8550-a78781261707" providerId="ADAL" clId="{F951C655-9C5F-4262-AB21-DDF9113A59E5}" dt="2023-11-06T16:22:01.844" v="0" actId="47"/>
        <pc:sldMkLst>
          <pc:docMk/>
          <pc:sldMk cId="2888951220" sldId="362"/>
        </pc:sldMkLst>
      </pc:sldChg>
    </pc:docChg>
  </pc:docChgLst>
  <pc:docChgLst>
    <pc:chgData name="Tudor Panait" userId="8079f9a1-7439-4f43-8550-a78781261707" providerId="ADAL" clId="{47A3DA80-55B5-4904-92C1-2A0D5BEED21B}"/>
    <pc:docChg chg="custSel modSld">
      <pc:chgData name="Tudor Panait" userId="8079f9a1-7439-4f43-8550-a78781261707" providerId="ADAL" clId="{47A3DA80-55B5-4904-92C1-2A0D5BEED21B}" dt="2023-10-26T12:06:48.483" v="3"/>
      <pc:docMkLst>
        <pc:docMk/>
      </pc:docMkLst>
      <pc:sldChg chg="delSp mod">
        <pc:chgData name="Tudor Panait" userId="8079f9a1-7439-4f43-8550-a78781261707" providerId="ADAL" clId="{47A3DA80-55B5-4904-92C1-2A0D5BEED21B}" dt="2023-10-26T12:06:48.483" v="3"/>
        <pc:sldMkLst>
          <pc:docMk/>
          <pc:sldMk cId="2888951220" sldId="362"/>
        </pc:sldMkLst>
        <pc:grpChg chg="del">
          <ac:chgData name="Tudor Panait" userId="8079f9a1-7439-4f43-8550-a78781261707" providerId="ADAL" clId="{47A3DA80-55B5-4904-92C1-2A0D5BEED21B}" dt="2023-10-26T12:06:48.482" v="1"/>
          <ac:grpSpMkLst>
            <pc:docMk/>
            <pc:sldMk cId="2888951220" sldId="362"/>
            <ac:grpSpMk id="8" creationId="{C4D67594-2773-3A52-7B09-3A7B92927471}"/>
          </ac:grpSpMkLst>
        </pc:grpChg>
        <pc:grpChg chg="del">
          <ac:chgData name="Tudor Panait" userId="8079f9a1-7439-4f43-8550-a78781261707" providerId="ADAL" clId="{47A3DA80-55B5-4904-92C1-2A0D5BEED21B}" dt="2023-10-26T12:06:48.483" v="3"/>
          <ac:grpSpMkLst>
            <pc:docMk/>
            <pc:sldMk cId="2888951220" sldId="362"/>
            <ac:grpSpMk id="22" creationId="{247A6619-37AD-0088-6E81-68A811DEDCF2}"/>
          </ac:grpSpMkLst>
        </pc:grpChg>
      </pc:sldChg>
    </pc:docChg>
  </pc:docChgLst>
  <pc:docChgLst>
    <pc:chgData name="Tudor Panait" userId="8079f9a1-7439-4f43-8550-a78781261707" providerId="ADAL" clId="{69BC6CFC-1EA8-4AAF-98AE-0705184B78A6}"/>
    <pc:docChg chg="modSld delMainMaster modMainMaster">
      <pc:chgData name="Tudor Panait" userId="8079f9a1-7439-4f43-8550-a78781261707" providerId="ADAL" clId="{69BC6CFC-1EA8-4AAF-98AE-0705184B78A6}" dt="2024-01-16T10:00:11.321" v="52"/>
      <pc:docMkLst>
        <pc:docMk/>
      </pc:docMkLst>
      <pc:sldChg chg="modSp mod">
        <pc:chgData name="Tudor Panait" userId="8079f9a1-7439-4f43-8550-a78781261707" providerId="ADAL" clId="{69BC6CFC-1EA8-4AAF-98AE-0705184B78A6}" dt="2024-01-16T09:59:56.263" v="16" actId="20577"/>
        <pc:sldMkLst>
          <pc:docMk/>
          <pc:sldMk cId="3916634927" sldId="338"/>
        </pc:sldMkLst>
        <pc:graphicFrameChg chg="modGraphic">
          <ac:chgData name="Tudor Panait" userId="8079f9a1-7439-4f43-8550-a78781261707" providerId="ADAL" clId="{69BC6CFC-1EA8-4AAF-98AE-0705184B78A6}" dt="2024-01-16T09:59:56.263" v="16" actId="20577"/>
          <ac:graphicFrameMkLst>
            <pc:docMk/>
            <pc:sldMk cId="3916634927" sldId="338"/>
            <ac:graphicFrameMk id="4" creationId="{41DE50B7-EBC6-49FD-8FBE-3E1C4D1A5EB0}"/>
          </ac:graphicFrameMkLst>
        </pc:graphicFrameChg>
      </pc:sldChg>
      <pc:sldMasterChg chg="modSp mod modSldLayout">
        <pc:chgData name="Tudor Panait" userId="8079f9a1-7439-4f43-8550-a78781261707" providerId="ADAL" clId="{69BC6CFC-1EA8-4AAF-98AE-0705184B78A6}" dt="2024-01-16T10:00:11.321" v="52"/>
        <pc:sldMasterMkLst>
          <pc:docMk/>
          <pc:sldMasterMk cId="3633027268" sldId="2147483648"/>
        </pc:sldMasterMkLst>
        <pc:spChg chg="mod">
          <ac:chgData name="Tudor Panait" userId="8079f9a1-7439-4f43-8550-a78781261707" providerId="ADAL" clId="{69BC6CFC-1EA8-4AAF-98AE-0705184B78A6}" dt="2024-01-16T10:00:11.321" v="52"/>
          <ac:spMkLst>
            <pc:docMk/>
            <pc:sldMasterMk cId="3633027268" sldId="2147483648"/>
            <ac:spMk id="2" creationId="{00000000-0000-0000-0000-000000000000}"/>
          </ac:spMkLst>
        </pc:sp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1049887607" sldId="2147483669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1049887607" sldId="2147483669"/>
              <ac:spMk id="49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1618669218" sldId="2147483670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1618669218" sldId="2147483670"/>
              <ac:spMk id="75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1786802700" sldId="2147483723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1786802700" sldId="2147483723"/>
              <ac:spMk id="49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2290322121" sldId="2147483725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2290322121" sldId="2147483725"/>
              <ac:spMk id="5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1370975778" sldId="2147483726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1370975778" sldId="2147483726"/>
              <ac:spMk id="6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4165945371" sldId="2147483727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4165945371" sldId="2147483727"/>
              <ac:spMk id="7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1577799921" sldId="2147483728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1577799921" sldId="2147483728"/>
              <ac:spMk id="7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992496215" sldId="2147483729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992496215" sldId="2147483729"/>
              <ac:spMk id="19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4277636023" sldId="2147483730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4277636023" sldId="2147483730"/>
              <ac:spMk id="9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1200654041" sldId="2147483731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1200654041" sldId="2147483731"/>
              <ac:spMk id="9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676297037" sldId="2147483732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676297037" sldId="2147483732"/>
              <ac:spMk id="8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4230333210" sldId="2147483733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4230333210" sldId="2147483733"/>
              <ac:spMk id="6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1737376891" sldId="2147483734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1737376891" sldId="2147483734"/>
              <ac:spMk id="14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3489591086" sldId="2147483737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3489591086" sldId="2147483737"/>
              <ac:spMk id="10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1242260577" sldId="2147483739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1242260577" sldId="2147483739"/>
              <ac:spMk id="7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1471381990" sldId="2147483740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1471381990" sldId="2147483740"/>
              <ac:spMk id="75" creationId="{00000000-0000-0000-0000-000000000000}"/>
            </ac:spMkLst>
          </pc:spChg>
        </pc:sldLayoutChg>
        <pc:sldLayoutChg chg="modSp">
          <pc:chgData name="Tudor Panait" userId="8079f9a1-7439-4f43-8550-a78781261707" providerId="ADAL" clId="{69BC6CFC-1EA8-4AAF-98AE-0705184B78A6}" dt="2024-01-16T10:00:11.321" v="52"/>
          <pc:sldLayoutMkLst>
            <pc:docMk/>
            <pc:sldMasterMk cId="3633027268" sldId="2147483648"/>
            <pc:sldLayoutMk cId="3711343945" sldId="2147483796"/>
          </pc:sldLayoutMkLst>
          <pc:spChg chg="mod">
            <ac:chgData name="Tudor Panait" userId="8079f9a1-7439-4f43-8550-a78781261707" providerId="ADAL" clId="{69BC6CFC-1EA8-4AAF-98AE-0705184B78A6}" dt="2024-01-16T10:00:11.321" v="52"/>
            <ac:spMkLst>
              <pc:docMk/>
              <pc:sldMasterMk cId="3633027268" sldId="2147483648"/>
              <pc:sldLayoutMk cId="3711343945" sldId="2147483796"/>
              <ac:spMk id="5" creationId="{00000000-0000-0000-0000-000000000000}"/>
            </ac:spMkLst>
          </pc:spChg>
        </pc:sldLayoutChg>
      </pc:sldMasterChg>
      <pc:sldMasterChg chg="del delSldLayout">
        <pc:chgData name="Tudor Panait" userId="8079f9a1-7439-4f43-8550-a78781261707" providerId="ADAL" clId="{69BC6CFC-1EA8-4AAF-98AE-0705184B78A6}" dt="2024-01-16T10:00:02.930" v="49" actId="2696"/>
        <pc:sldMasterMkLst>
          <pc:docMk/>
          <pc:sldMasterMk cId="430712837" sldId="2147483761"/>
        </pc:sldMasterMkLst>
        <pc:sldLayoutChg chg="del">
          <pc:chgData name="Tudor Panait" userId="8079f9a1-7439-4f43-8550-a78781261707" providerId="ADAL" clId="{69BC6CFC-1EA8-4AAF-98AE-0705184B78A6}" dt="2024-01-16T10:00:02.838" v="17" actId="2696"/>
          <pc:sldLayoutMkLst>
            <pc:docMk/>
            <pc:sldMasterMk cId="430712837" sldId="2147483761"/>
            <pc:sldLayoutMk cId="2989589246" sldId="2147483762"/>
          </pc:sldLayoutMkLst>
        </pc:sldLayoutChg>
        <pc:sldLayoutChg chg="del">
          <pc:chgData name="Tudor Panait" userId="8079f9a1-7439-4f43-8550-a78781261707" providerId="ADAL" clId="{69BC6CFC-1EA8-4AAF-98AE-0705184B78A6}" dt="2024-01-16T10:00:02.840" v="18" actId="2696"/>
          <pc:sldLayoutMkLst>
            <pc:docMk/>
            <pc:sldMasterMk cId="430712837" sldId="2147483761"/>
            <pc:sldLayoutMk cId="3335848271" sldId="2147483763"/>
          </pc:sldLayoutMkLst>
        </pc:sldLayoutChg>
        <pc:sldLayoutChg chg="del">
          <pc:chgData name="Tudor Panait" userId="8079f9a1-7439-4f43-8550-a78781261707" providerId="ADAL" clId="{69BC6CFC-1EA8-4AAF-98AE-0705184B78A6}" dt="2024-01-16T10:00:02.843" v="19" actId="2696"/>
          <pc:sldLayoutMkLst>
            <pc:docMk/>
            <pc:sldMasterMk cId="430712837" sldId="2147483761"/>
            <pc:sldLayoutMk cId="2880244235" sldId="2147483764"/>
          </pc:sldLayoutMkLst>
        </pc:sldLayoutChg>
        <pc:sldLayoutChg chg="del">
          <pc:chgData name="Tudor Panait" userId="8079f9a1-7439-4f43-8550-a78781261707" providerId="ADAL" clId="{69BC6CFC-1EA8-4AAF-98AE-0705184B78A6}" dt="2024-01-16T10:00:02.846" v="20" actId="2696"/>
          <pc:sldLayoutMkLst>
            <pc:docMk/>
            <pc:sldMasterMk cId="430712837" sldId="2147483761"/>
            <pc:sldLayoutMk cId="579765977" sldId="2147483765"/>
          </pc:sldLayoutMkLst>
        </pc:sldLayoutChg>
        <pc:sldLayoutChg chg="del">
          <pc:chgData name="Tudor Panait" userId="8079f9a1-7439-4f43-8550-a78781261707" providerId="ADAL" clId="{69BC6CFC-1EA8-4AAF-98AE-0705184B78A6}" dt="2024-01-16T10:00:02.849" v="21" actId="2696"/>
          <pc:sldLayoutMkLst>
            <pc:docMk/>
            <pc:sldMasterMk cId="430712837" sldId="2147483761"/>
            <pc:sldLayoutMk cId="3860268059" sldId="2147483766"/>
          </pc:sldLayoutMkLst>
        </pc:sldLayoutChg>
        <pc:sldLayoutChg chg="del">
          <pc:chgData name="Tudor Panait" userId="8079f9a1-7439-4f43-8550-a78781261707" providerId="ADAL" clId="{69BC6CFC-1EA8-4AAF-98AE-0705184B78A6}" dt="2024-01-16T10:00:02.853" v="22" actId="2696"/>
          <pc:sldLayoutMkLst>
            <pc:docMk/>
            <pc:sldMasterMk cId="430712837" sldId="2147483761"/>
            <pc:sldLayoutMk cId="2676237968" sldId="2147483767"/>
          </pc:sldLayoutMkLst>
        </pc:sldLayoutChg>
        <pc:sldLayoutChg chg="del">
          <pc:chgData name="Tudor Panait" userId="8079f9a1-7439-4f43-8550-a78781261707" providerId="ADAL" clId="{69BC6CFC-1EA8-4AAF-98AE-0705184B78A6}" dt="2024-01-16T10:00:02.855" v="23" actId="2696"/>
          <pc:sldLayoutMkLst>
            <pc:docMk/>
            <pc:sldMasterMk cId="430712837" sldId="2147483761"/>
            <pc:sldLayoutMk cId="1736746442" sldId="2147483768"/>
          </pc:sldLayoutMkLst>
        </pc:sldLayoutChg>
        <pc:sldLayoutChg chg="del">
          <pc:chgData name="Tudor Panait" userId="8079f9a1-7439-4f43-8550-a78781261707" providerId="ADAL" clId="{69BC6CFC-1EA8-4AAF-98AE-0705184B78A6}" dt="2024-01-16T10:00:02.858" v="24" actId="2696"/>
          <pc:sldLayoutMkLst>
            <pc:docMk/>
            <pc:sldMasterMk cId="430712837" sldId="2147483761"/>
            <pc:sldLayoutMk cId="3429630662" sldId="2147483769"/>
          </pc:sldLayoutMkLst>
        </pc:sldLayoutChg>
        <pc:sldLayoutChg chg="del">
          <pc:chgData name="Tudor Panait" userId="8079f9a1-7439-4f43-8550-a78781261707" providerId="ADAL" clId="{69BC6CFC-1EA8-4AAF-98AE-0705184B78A6}" dt="2024-01-16T10:00:02.861" v="25" actId="2696"/>
          <pc:sldLayoutMkLst>
            <pc:docMk/>
            <pc:sldMasterMk cId="430712837" sldId="2147483761"/>
            <pc:sldLayoutMk cId="4153037849" sldId="2147483770"/>
          </pc:sldLayoutMkLst>
        </pc:sldLayoutChg>
        <pc:sldLayoutChg chg="del">
          <pc:chgData name="Tudor Panait" userId="8079f9a1-7439-4f43-8550-a78781261707" providerId="ADAL" clId="{69BC6CFC-1EA8-4AAF-98AE-0705184B78A6}" dt="2024-01-16T10:00:02.864" v="26" actId="2696"/>
          <pc:sldLayoutMkLst>
            <pc:docMk/>
            <pc:sldMasterMk cId="430712837" sldId="2147483761"/>
            <pc:sldLayoutMk cId="1898749270" sldId="2147483771"/>
          </pc:sldLayoutMkLst>
        </pc:sldLayoutChg>
        <pc:sldLayoutChg chg="del">
          <pc:chgData name="Tudor Panait" userId="8079f9a1-7439-4f43-8550-a78781261707" providerId="ADAL" clId="{69BC6CFC-1EA8-4AAF-98AE-0705184B78A6}" dt="2024-01-16T10:00:02.867" v="27" actId="2696"/>
          <pc:sldLayoutMkLst>
            <pc:docMk/>
            <pc:sldMasterMk cId="430712837" sldId="2147483761"/>
            <pc:sldLayoutMk cId="777048863" sldId="2147483772"/>
          </pc:sldLayoutMkLst>
        </pc:sldLayoutChg>
        <pc:sldLayoutChg chg="del">
          <pc:chgData name="Tudor Panait" userId="8079f9a1-7439-4f43-8550-a78781261707" providerId="ADAL" clId="{69BC6CFC-1EA8-4AAF-98AE-0705184B78A6}" dt="2024-01-16T10:00:02.871" v="28" actId="2696"/>
          <pc:sldLayoutMkLst>
            <pc:docMk/>
            <pc:sldMasterMk cId="430712837" sldId="2147483761"/>
            <pc:sldLayoutMk cId="550397380" sldId="2147483773"/>
          </pc:sldLayoutMkLst>
        </pc:sldLayoutChg>
        <pc:sldLayoutChg chg="del">
          <pc:chgData name="Tudor Panait" userId="8079f9a1-7439-4f43-8550-a78781261707" providerId="ADAL" clId="{69BC6CFC-1EA8-4AAF-98AE-0705184B78A6}" dt="2024-01-16T10:00:02.873" v="29" actId="2696"/>
          <pc:sldLayoutMkLst>
            <pc:docMk/>
            <pc:sldMasterMk cId="430712837" sldId="2147483761"/>
            <pc:sldLayoutMk cId="167378951" sldId="2147483774"/>
          </pc:sldLayoutMkLst>
        </pc:sldLayoutChg>
        <pc:sldLayoutChg chg="del">
          <pc:chgData name="Tudor Panait" userId="8079f9a1-7439-4f43-8550-a78781261707" providerId="ADAL" clId="{69BC6CFC-1EA8-4AAF-98AE-0705184B78A6}" dt="2024-01-16T10:00:02.877" v="30" actId="2696"/>
          <pc:sldLayoutMkLst>
            <pc:docMk/>
            <pc:sldMasterMk cId="430712837" sldId="2147483761"/>
            <pc:sldLayoutMk cId="447479822" sldId="2147483775"/>
          </pc:sldLayoutMkLst>
        </pc:sldLayoutChg>
        <pc:sldLayoutChg chg="del">
          <pc:chgData name="Tudor Panait" userId="8079f9a1-7439-4f43-8550-a78781261707" providerId="ADAL" clId="{69BC6CFC-1EA8-4AAF-98AE-0705184B78A6}" dt="2024-01-16T10:00:02.880" v="31" actId="2696"/>
          <pc:sldLayoutMkLst>
            <pc:docMk/>
            <pc:sldMasterMk cId="430712837" sldId="2147483761"/>
            <pc:sldLayoutMk cId="1380493263" sldId="2147483776"/>
          </pc:sldLayoutMkLst>
        </pc:sldLayoutChg>
        <pc:sldLayoutChg chg="del">
          <pc:chgData name="Tudor Panait" userId="8079f9a1-7439-4f43-8550-a78781261707" providerId="ADAL" clId="{69BC6CFC-1EA8-4AAF-98AE-0705184B78A6}" dt="2024-01-16T10:00:02.883" v="32" actId="2696"/>
          <pc:sldLayoutMkLst>
            <pc:docMk/>
            <pc:sldMasterMk cId="430712837" sldId="2147483761"/>
            <pc:sldLayoutMk cId="3290503705" sldId="2147483777"/>
          </pc:sldLayoutMkLst>
        </pc:sldLayoutChg>
        <pc:sldLayoutChg chg="del">
          <pc:chgData name="Tudor Panait" userId="8079f9a1-7439-4f43-8550-a78781261707" providerId="ADAL" clId="{69BC6CFC-1EA8-4AAF-98AE-0705184B78A6}" dt="2024-01-16T10:00:02.886" v="33" actId="2696"/>
          <pc:sldLayoutMkLst>
            <pc:docMk/>
            <pc:sldMasterMk cId="430712837" sldId="2147483761"/>
            <pc:sldLayoutMk cId="3353180444" sldId="2147483778"/>
          </pc:sldLayoutMkLst>
        </pc:sldLayoutChg>
        <pc:sldLayoutChg chg="del">
          <pc:chgData name="Tudor Panait" userId="8079f9a1-7439-4f43-8550-a78781261707" providerId="ADAL" clId="{69BC6CFC-1EA8-4AAF-98AE-0705184B78A6}" dt="2024-01-16T10:00:02.889" v="34" actId="2696"/>
          <pc:sldLayoutMkLst>
            <pc:docMk/>
            <pc:sldMasterMk cId="430712837" sldId="2147483761"/>
            <pc:sldLayoutMk cId="1859695407" sldId="2147483779"/>
          </pc:sldLayoutMkLst>
        </pc:sldLayoutChg>
        <pc:sldLayoutChg chg="del">
          <pc:chgData name="Tudor Panait" userId="8079f9a1-7439-4f43-8550-a78781261707" providerId="ADAL" clId="{69BC6CFC-1EA8-4AAF-98AE-0705184B78A6}" dt="2024-01-16T10:00:02.892" v="35" actId="2696"/>
          <pc:sldLayoutMkLst>
            <pc:docMk/>
            <pc:sldMasterMk cId="430712837" sldId="2147483761"/>
            <pc:sldLayoutMk cId="2145592543" sldId="2147483780"/>
          </pc:sldLayoutMkLst>
        </pc:sldLayoutChg>
        <pc:sldLayoutChg chg="del">
          <pc:chgData name="Tudor Panait" userId="8079f9a1-7439-4f43-8550-a78781261707" providerId="ADAL" clId="{69BC6CFC-1EA8-4AAF-98AE-0705184B78A6}" dt="2024-01-16T10:00:02.895" v="36" actId="2696"/>
          <pc:sldLayoutMkLst>
            <pc:docMk/>
            <pc:sldMasterMk cId="430712837" sldId="2147483761"/>
            <pc:sldLayoutMk cId="1958922939" sldId="2147483781"/>
          </pc:sldLayoutMkLst>
        </pc:sldLayoutChg>
        <pc:sldLayoutChg chg="del">
          <pc:chgData name="Tudor Panait" userId="8079f9a1-7439-4f43-8550-a78781261707" providerId="ADAL" clId="{69BC6CFC-1EA8-4AAF-98AE-0705184B78A6}" dt="2024-01-16T10:00:02.899" v="37" actId="2696"/>
          <pc:sldLayoutMkLst>
            <pc:docMk/>
            <pc:sldMasterMk cId="430712837" sldId="2147483761"/>
            <pc:sldLayoutMk cId="3598846226" sldId="2147483782"/>
          </pc:sldLayoutMkLst>
        </pc:sldLayoutChg>
        <pc:sldLayoutChg chg="del">
          <pc:chgData name="Tudor Panait" userId="8079f9a1-7439-4f43-8550-a78781261707" providerId="ADAL" clId="{69BC6CFC-1EA8-4AAF-98AE-0705184B78A6}" dt="2024-01-16T10:00:02.901" v="38" actId="2696"/>
          <pc:sldLayoutMkLst>
            <pc:docMk/>
            <pc:sldMasterMk cId="430712837" sldId="2147483761"/>
            <pc:sldLayoutMk cId="816523043" sldId="2147483783"/>
          </pc:sldLayoutMkLst>
        </pc:sldLayoutChg>
        <pc:sldLayoutChg chg="del">
          <pc:chgData name="Tudor Panait" userId="8079f9a1-7439-4f43-8550-a78781261707" providerId="ADAL" clId="{69BC6CFC-1EA8-4AAF-98AE-0705184B78A6}" dt="2024-01-16T10:00:02.903" v="39" actId="2696"/>
          <pc:sldLayoutMkLst>
            <pc:docMk/>
            <pc:sldMasterMk cId="430712837" sldId="2147483761"/>
            <pc:sldLayoutMk cId="2026973741" sldId="2147483784"/>
          </pc:sldLayoutMkLst>
        </pc:sldLayoutChg>
        <pc:sldLayoutChg chg="del">
          <pc:chgData name="Tudor Panait" userId="8079f9a1-7439-4f43-8550-a78781261707" providerId="ADAL" clId="{69BC6CFC-1EA8-4AAF-98AE-0705184B78A6}" dt="2024-01-16T10:00:02.906" v="40" actId="2696"/>
          <pc:sldLayoutMkLst>
            <pc:docMk/>
            <pc:sldMasterMk cId="430712837" sldId="2147483761"/>
            <pc:sldLayoutMk cId="786688108" sldId="2147483785"/>
          </pc:sldLayoutMkLst>
        </pc:sldLayoutChg>
        <pc:sldLayoutChg chg="del">
          <pc:chgData name="Tudor Panait" userId="8079f9a1-7439-4f43-8550-a78781261707" providerId="ADAL" clId="{69BC6CFC-1EA8-4AAF-98AE-0705184B78A6}" dt="2024-01-16T10:00:02.909" v="41" actId="2696"/>
          <pc:sldLayoutMkLst>
            <pc:docMk/>
            <pc:sldMasterMk cId="430712837" sldId="2147483761"/>
            <pc:sldLayoutMk cId="3029581316" sldId="2147483786"/>
          </pc:sldLayoutMkLst>
        </pc:sldLayoutChg>
        <pc:sldLayoutChg chg="del">
          <pc:chgData name="Tudor Panait" userId="8079f9a1-7439-4f43-8550-a78781261707" providerId="ADAL" clId="{69BC6CFC-1EA8-4AAF-98AE-0705184B78A6}" dt="2024-01-16T10:00:02.912" v="42" actId="2696"/>
          <pc:sldLayoutMkLst>
            <pc:docMk/>
            <pc:sldMasterMk cId="430712837" sldId="2147483761"/>
            <pc:sldLayoutMk cId="2065040577" sldId="2147483787"/>
          </pc:sldLayoutMkLst>
        </pc:sldLayoutChg>
        <pc:sldLayoutChg chg="del">
          <pc:chgData name="Tudor Panait" userId="8079f9a1-7439-4f43-8550-a78781261707" providerId="ADAL" clId="{69BC6CFC-1EA8-4AAF-98AE-0705184B78A6}" dt="2024-01-16T10:00:02.914" v="43" actId="2696"/>
          <pc:sldLayoutMkLst>
            <pc:docMk/>
            <pc:sldMasterMk cId="430712837" sldId="2147483761"/>
            <pc:sldLayoutMk cId="1148656061" sldId="2147483788"/>
          </pc:sldLayoutMkLst>
        </pc:sldLayoutChg>
        <pc:sldLayoutChg chg="del">
          <pc:chgData name="Tudor Panait" userId="8079f9a1-7439-4f43-8550-a78781261707" providerId="ADAL" clId="{69BC6CFC-1EA8-4AAF-98AE-0705184B78A6}" dt="2024-01-16T10:00:02.916" v="44" actId="2696"/>
          <pc:sldLayoutMkLst>
            <pc:docMk/>
            <pc:sldMasterMk cId="430712837" sldId="2147483761"/>
            <pc:sldLayoutMk cId="796099576" sldId="2147483789"/>
          </pc:sldLayoutMkLst>
        </pc:sldLayoutChg>
        <pc:sldLayoutChg chg="del">
          <pc:chgData name="Tudor Panait" userId="8079f9a1-7439-4f43-8550-a78781261707" providerId="ADAL" clId="{69BC6CFC-1EA8-4AAF-98AE-0705184B78A6}" dt="2024-01-16T10:00:02.920" v="45" actId="2696"/>
          <pc:sldLayoutMkLst>
            <pc:docMk/>
            <pc:sldMasterMk cId="430712837" sldId="2147483761"/>
            <pc:sldLayoutMk cId="3405357176" sldId="2147483790"/>
          </pc:sldLayoutMkLst>
        </pc:sldLayoutChg>
        <pc:sldLayoutChg chg="del">
          <pc:chgData name="Tudor Panait" userId="8079f9a1-7439-4f43-8550-a78781261707" providerId="ADAL" clId="{69BC6CFC-1EA8-4AAF-98AE-0705184B78A6}" dt="2024-01-16T10:00:02.923" v="46" actId="2696"/>
          <pc:sldLayoutMkLst>
            <pc:docMk/>
            <pc:sldMasterMk cId="430712837" sldId="2147483761"/>
            <pc:sldLayoutMk cId="3952580461" sldId="2147483791"/>
          </pc:sldLayoutMkLst>
        </pc:sldLayoutChg>
        <pc:sldLayoutChg chg="del">
          <pc:chgData name="Tudor Panait" userId="8079f9a1-7439-4f43-8550-a78781261707" providerId="ADAL" clId="{69BC6CFC-1EA8-4AAF-98AE-0705184B78A6}" dt="2024-01-16T10:00:02.925" v="47" actId="2696"/>
          <pc:sldLayoutMkLst>
            <pc:docMk/>
            <pc:sldMasterMk cId="430712837" sldId="2147483761"/>
            <pc:sldLayoutMk cId="309777215" sldId="2147483792"/>
          </pc:sldLayoutMkLst>
        </pc:sldLayoutChg>
        <pc:sldLayoutChg chg="del">
          <pc:chgData name="Tudor Panait" userId="8079f9a1-7439-4f43-8550-a78781261707" providerId="ADAL" clId="{69BC6CFC-1EA8-4AAF-98AE-0705184B78A6}" dt="2024-01-16T10:00:02.928" v="48" actId="2696"/>
          <pc:sldLayoutMkLst>
            <pc:docMk/>
            <pc:sldMasterMk cId="430712837" sldId="2147483761"/>
            <pc:sldLayoutMk cId="284952961" sldId="2147483793"/>
          </pc:sldLayoutMkLst>
        </pc:sldLayoutChg>
      </pc:sldMasterChg>
    </pc:docChg>
  </pc:docChgLst>
  <pc:docChgLst>
    <pc:chgData name="Tudor Panait" userId="8079f9a1-7439-4f43-8550-a78781261707" providerId="ADAL" clId="{070066A4-05A3-41FD-B82C-23EF7A3DA05F}"/>
    <pc:docChg chg="modSld">
      <pc:chgData name="Tudor Panait" userId="8079f9a1-7439-4f43-8550-a78781261707" providerId="ADAL" clId="{070066A4-05A3-41FD-B82C-23EF7A3DA05F}" dt="2023-11-06T16:20:33.465" v="6" actId="20577"/>
      <pc:docMkLst>
        <pc:docMk/>
      </pc:docMkLst>
      <pc:sldChg chg="modSp mod">
        <pc:chgData name="Tudor Panait" userId="8079f9a1-7439-4f43-8550-a78781261707" providerId="ADAL" clId="{070066A4-05A3-41FD-B82C-23EF7A3DA05F}" dt="2023-11-06T16:20:33.465" v="6" actId="20577"/>
        <pc:sldMkLst>
          <pc:docMk/>
          <pc:sldMk cId="2516393441" sldId="314"/>
        </pc:sldMkLst>
        <pc:spChg chg="mod">
          <ac:chgData name="Tudor Panait" userId="8079f9a1-7439-4f43-8550-a78781261707" providerId="ADAL" clId="{070066A4-05A3-41FD-B82C-23EF7A3DA05F}" dt="2023-11-06T16:20:33.465" v="6" actId="20577"/>
          <ac:spMkLst>
            <pc:docMk/>
            <pc:sldMk cId="2516393441" sldId="314"/>
            <ac:spMk id="6" creationId="{00000000-0000-0000-0000-000000000000}"/>
          </ac:spMkLst>
        </pc:spChg>
      </pc:sldChg>
    </pc:docChg>
  </pc:docChgLst>
</pc:chgInfo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 sz="100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231C0EDC-3B04-4D43-AC98-A606493C474D}" type="datetimeFigureOut">
              <a:rPr lang="en-US" sz="1000" smtClean="0">
                <a:latin typeface="Arial" pitchFamily="34" charset="0"/>
                <a:cs typeface="Arial" pitchFamily="34" charset="0"/>
              </a:rPr>
              <a:pPr/>
              <a:t>11/7/2024</a:t>
            </a:fld>
            <a:endParaRPr lang="en-US" sz="100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pPr lvl="0"/>
            <a:r>
              <a:rPr lang="en-US" sz="800" cap="all" dirty="0">
                <a:solidFill>
                  <a:srgbClr val="939598"/>
                </a:solidFill>
                <a:latin typeface="Arial" pitchFamily="34" charset="0"/>
                <a:cs typeface="Arial" pitchFamily="34" charset="0"/>
              </a:rPr>
              <a:t>2011 LENOVO CONFIDENTIAL. All rights reserved.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27F3538-DD9D-4F25-8311-592750C50641}" type="slidenum">
              <a:rPr lang="en-US" sz="800" smtClean="0">
                <a:latin typeface="Arial" pitchFamily="34" charset="0"/>
                <a:cs typeface="Arial" pitchFamily="34" charset="0"/>
              </a:rPr>
              <a:pPr/>
              <a:t>‹#›</a:t>
            </a:fld>
            <a:endParaRPr lang="en-US" sz="800" dirty="0"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52915502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000">
                <a:latin typeface="Arial" pitchFamily="34" charset="0"/>
                <a:cs typeface="Arial" pitchFamily="34" charset="0"/>
              </a:defRPr>
            </a:lvl1pPr>
          </a:lstStyle>
          <a:p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000">
                <a:latin typeface="Arial" pitchFamily="34" charset="0"/>
                <a:cs typeface="Arial" pitchFamily="34" charset="0"/>
              </a:defRPr>
            </a:lvl1pPr>
          </a:lstStyle>
          <a:p>
            <a:fld id="{F23CF275-28B3-497F-9AED-85D5F023BA5C}" type="datetimeFigureOut">
              <a:rPr lang="en-US" smtClean="0"/>
              <a:pPr/>
              <a:t>11/7/2024</a:t>
            </a:fld>
            <a:endParaRPr lang="en-US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000">
                <a:latin typeface="Arial" pitchFamily="34" charset="0"/>
                <a:cs typeface="Arial" pitchFamily="34" charset="0"/>
              </a:defRPr>
            </a:lvl1pPr>
          </a:lstStyle>
          <a:p>
            <a:r>
              <a:rPr lang="en-US" sz="800" cap="all" dirty="0">
                <a:solidFill>
                  <a:srgbClr val="939598"/>
                </a:solidFill>
              </a:rPr>
              <a:t>2011 LENOVO CONFIDENTIAL. All rights reserved.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800">
                <a:latin typeface="Arial" pitchFamily="34" charset="0"/>
                <a:cs typeface="Arial" pitchFamily="34" charset="0"/>
              </a:defRPr>
            </a:lvl1pPr>
          </a:lstStyle>
          <a:p>
            <a:fld id="{4AED87EB-65D7-4500-873C-410831173A82}" type="slidenum">
              <a:rPr lang="en-US" smtClean="0"/>
              <a:pPr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9331368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marL="0" algn="l" defTabSz="1218987" rtl="0" eaLnBrk="1" latinLnBrk="0" hangingPunct="1">
      <a:defRPr sz="1600" kern="1200">
        <a:solidFill>
          <a:schemeClr val="tx1"/>
        </a:solidFill>
        <a:latin typeface="+mn-lt"/>
        <a:ea typeface="+mn-ea"/>
        <a:cs typeface="+mn-cs"/>
      </a:defRPr>
    </a:lvl1pPr>
    <a:lvl2pPr marL="609493" algn="l" defTabSz="1218987" rtl="0" eaLnBrk="1" latinLnBrk="0" hangingPunct="1">
      <a:defRPr sz="1600" kern="1200">
        <a:solidFill>
          <a:schemeClr val="tx1"/>
        </a:solidFill>
        <a:latin typeface="+mn-lt"/>
        <a:ea typeface="+mn-ea"/>
        <a:cs typeface="+mn-cs"/>
      </a:defRPr>
    </a:lvl2pPr>
    <a:lvl3pPr marL="1218987" algn="l" defTabSz="1218987" rtl="0" eaLnBrk="1" latinLnBrk="0" hangingPunct="1">
      <a:defRPr sz="1600" kern="1200">
        <a:solidFill>
          <a:schemeClr val="tx1"/>
        </a:solidFill>
        <a:latin typeface="+mn-lt"/>
        <a:ea typeface="+mn-ea"/>
        <a:cs typeface="+mn-cs"/>
      </a:defRPr>
    </a:lvl3pPr>
    <a:lvl4pPr marL="1828480" algn="l" defTabSz="1218987" rtl="0" eaLnBrk="1" latinLnBrk="0" hangingPunct="1">
      <a:defRPr sz="1600" kern="1200">
        <a:solidFill>
          <a:schemeClr val="tx1"/>
        </a:solidFill>
        <a:latin typeface="+mn-lt"/>
        <a:ea typeface="+mn-ea"/>
        <a:cs typeface="+mn-cs"/>
      </a:defRPr>
    </a:lvl4pPr>
    <a:lvl5pPr marL="2437973" algn="l" defTabSz="1218987" rtl="0" eaLnBrk="1" latinLnBrk="0" hangingPunct="1">
      <a:defRPr sz="1600" kern="1200">
        <a:solidFill>
          <a:schemeClr val="tx1"/>
        </a:solidFill>
        <a:latin typeface="+mn-lt"/>
        <a:ea typeface="+mn-ea"/>
        <a:cs typeface="+mn-cs"/>
      </a:defRPr>
    </a:lvl5pPr>
    <a:lvl6pPr marL="3047467" algn="l" defTabSz="1218987" rtl="0" eaLnBrk="1" latinLnBrk="0" hangingPunct="1">
      <a:defRPr sz="1600" kern="1200">
        <a:solidFill>
          <a:schemeClr val="tx1"/>
        </a:solidFill>
        <a:latin typeface="+mn-lt"/>
        <a:ea typeface="+mn-ea"/>
        <a:cs typeface="+mn-cs"/>
      </a:defRPr>
    </a:lvl6pPr>
    <a:lvl7pPr marL="3656960" algn="l" defTabSz="1218987" rtl="0" eaLnBrk="1" latinLnBrk="0" hangingPunct="1">
      <a:defRPr sz="1600" kern="1200">
        <a:solidFill>
          <a:schemeClr val="tx1"/>
        </a:solidFill>
        <a:latin typeface="+mn-lt"/>
        <a:ea typeface="+mn-ea"/>
        <a:cs typeface="+mn-cs"/>
      </a:defRPr>
    </a:lvl7pPr>
    <a:lvl8pPr marL="4266453" algn="l" defTabSz="1218987" rtl="0" eaLnBrk="1" latinLnBrk="0" hangingPunct="1">
      <a:defRPr sz="1600" kern="1200">
        <a:solidFill>
          <a:schemeClr val="tx1"/>
        </a:solidFill>
        <a:latin typeface="+mn-lt"/>
        <a:ea typeface="+mn-ea"/>
        <a:cs typeface="+mn-cs"/>
      </a:defRPr>
    </a:lvl8pPr>
    <a:lvl9pPr marL="4875947" algn="l" defTabSz="1218987" rtl="0" eaLnBrk="1" latinLnBrk="0" hangingPunct="1">
      <a:defRPr sz="16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4AED87EB-65D7-4500-873C-410831173A82}" type="slidenum">
              <a:rPr lang="en-US" smtClean="0"/>
              <a:pPr/>
              <a:t>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6681018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Title Slide_Whi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" name="Title 16"/>
          <p:cNvSpPr>
            <a:spLocks noGrp="1"/>
          </p:cNvSpPr>
          <p:nvPr userDrawn="1">
            <p:ph type="title" hasCustomPrompt="1"/>
          </p:nvPr>
        </p:nvSpPr>
        <p:spPr bwMode="gray">
          <a:xfrm>
            <a:off x="548640" y="1685684"/>
            <a:ext cx="9960236" cy="2894768"/>
          </a:xfrm>
          <a:prstGeom prst="rect">
            <a:avLst/>
          </a:prstGeom>
        </p:spPr>
        <p:txBody>
          <a:bodyPr wrap="square" lIns="0" tIns="0" rIns="121899" bIns="0" anchor="b" anchorCtr="0"/>
          <a:lstStyle>
            <a:lvl1pPr marL="0" algn="l" defTabSz="1218987" rtl="0" eaLnBrk="1" latinLnBrk="0" hangingPunct="1">
              <a:lnSpc>
                <a:spcPts val="6800"/>
              </a:lnSpc>
              <a:spcBef>
                <a:spcPct val="0"/>
              </a:spcBef>
              <a:buNone/>
              <a:defRPr lang="en-US" sz="6600" b="1" kern="1200" cap="none" spc="-15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Presentation</a:t>
            </a:r>
            <a:br>
              <a:rPr lang="en-US" dirty="0"/>
            </a:br>
            <a:r>
              <a:rPr lang="en-US" dirty="0"/>
              <a:t>title here</a:t>
            </a:r>
            <a:br>
              <a:rPr lang="en-US" dirty="0"/>
            </a:br>
            <a:r>
              <a:rPr lang="en-US" dirty="0"/>
              <a:t>three lines</a:t>
            </a:r>
          </a:p>
        </p:txBody>
      </p:sp>
      <p:sp>
        <p:nvSpPr>
          <p:cNvPr id="55" name="Subtitle 2"/>
          <p:cNvSpPr>
            <a:spLocks noGrp="1"/>
          </p:cNvSpPr>
          <p:nvPr userDrawn="1">
            <p:ph type="subTitle" idx="1" hasCustomPrompt="1"/>
          </p:nvPr>
        </p:nvSpPr>
        <p:spPr bwMode="gray">
          <a:xfrm>
            <a:off x="548640" y="4715116"/>
            <a:ext cx="9949796" cy="457200"/>
          </a:xfrm>
          <a:prstGeom prst="rect">
            <a:avLst/>
          </a:prstGeom>
        </p:spPr>
        <p:txBody>
          <a:bodyPr lIns="0" tIns="0" rIns="0" bIns="0" anchor="b" anchorCtr="0"/>
          <a:lstStyle>
            <a:lvl1pPr marL="0" indent="0" algn="l" defTabSz="1218987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lang="en-US" sz="2600" b="0" kern="1200" cap="none" spc="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  <a:lvl2pPr marL="60949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121898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82848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243797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304746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365696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426645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487594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ourse Code | Date</a:t>
            </a:r>
          </a:p>
        </p:txBody>
      </p:sp>
      <p:sp>
        <p:nvSpPr>
          <p:cNvPr id="49" name="TextBox 48"/>
          <p:cNvSpPr txBox="1"/>
          <p:nvPr userDrawn="1"/>
        </p:nvSpPr>
        <p:spPr>
          <a:xfrm>
            <a:off x="548640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48" name="Group 47">
            <a:extLst>
              <a:ext uri="{FF2B5EF4-FFF2-40B4-BE49-F238E27FC236}">
                <a16:creationId xmlns:a16="http://schemas.microsoft.com/office/drawing/2014/main" id="{F4B5B53C-9814-4319-B2AA-2C21FFC03C69}"/>
              </a:ext>
            </a:extLst>
          </p:cNvPr>
          <p:cNvGrpSpPr>
            <a:grpSpLocks noChangeAspect="1"/>
          </p:cNvGrpSpPr>
          <p:nvPr userDrawn="1"/>
        </p:nvGrpSpPr>
        <p:grpSpPr>
          <a:xfrm rot="16200000">
            <a:off x="9855467" y="2024677"/>
            <a:ext cx="3499241" cy="1167475"/>
            <a:chOff x="547688" y="952500"/>
            <a:chExt cx="12190413" cy="4067175"/>
          </a:xfrm>
        </p:grpSpPr>
        <p:sp>
          <p:nvSpPr>
            <p:cNvPr id="50" name="Rectangle 49">
              <a:extLst>
                <a:ext uri="{FF2B5EF4-FFF2-40B4-BE49-F238E27FC236}">
                  <a16:creationId xmlns:a16="http://schemas.microsoft.com/office/drawing/2014/main" id="{A86DAFFA-DD2C-4B45-869C-80A8537FFB18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1" name="Freeform 7">
              <a:extLst>
                <a:ext uri="{FF2B5EF4-FFF2-40B4-BE49-F238E27FC236}">
                  <a16:creationId xmlns:a16="http://schemas.microsoft.com/office/drawing/2014/main" id="{26F6C622-0F1C-400B-80F7-27499D487BE0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2" name="Freeform 8">
              <a:extLst>
                <a:ext uri="{FF2B5EF4-FFF2-40B4-BE49-F238E27FC236}">
                  <a16:creationId xmlns:a16="http://schemas.microsoft.com/office/drawing/2014/main" id="{3843D85E-D61D-49D2-8C0B-2814AA27614C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3" name="Freeform 9">
              <a:extLst>
                <a:ext uri="{FF2B5EF4-FFF2-40B4-BE49-F238E27FC236}">
                  <a16:creationId xmlns:a16="http://schemas.microsoft.com/office/drawing/2014/main" id="{3230BEAE-88C1-454A-9CCC-1D4B1775E57B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4" name="Freeform 10">
              <a:extLst>
                <a:ext uri="{FF2B5EF4-FFF2-40B4-BE49-F238E27FC236}">
                  <a16:creationId xmlns:a16="http://schemas.microsoft.com/office/drawing/2014/main" id="{051B78A0-6BF0-417B-86F2-F30C15214E88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7" name="Freeform 10">
              <a:extLst>
                <a:ext uri="{FF2B5EF4-FFF2-40B4-BE49-F238E27FC236}">
                  <a16:creationId xmlns:a16="http://schemas.microsoft.com/office/drawing/2014/main" id="{DC72F71B-EE86-4EF7-B865-447B4ED71B2C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8" name="Freeform 11">
              <a:extLst>
                <a:ext uri="{FF2B5EF4-FFF2-40B4-BE49-F238E27FC236}">
                  <a16:creationId xmlns:a16="http://schemas.microsoft.com/office/drawing/2014/main" id="{A3EC0C04-B0DD-4A32-813E-011A695342FF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63" name="Freeform 5">
            <a:extLst>
              <a:ext uri="{FF2B5EF4-FFF2-40B4-BE49-F238E27FC236}">
                <a16:creationId xmlns:a16="http://schemas.microsoft.com/office/drawing/2014/main" id="{433BBA68-D2F6-45DA-B6D3-4CBDACC1E270}"/>
              </a:ext>
            </a:extLst>
          </p:cNvPr>
          <p:cNvSpPr>
            <a:spLocks noChangeAspect="1" noEditPoints="1"/>
          </p:cNvSpPr>
          <p:nvPr userDrawn="1"/>
        </p:nvSpPr>
        <p:spPr bwMode="auto">
          <a:xfrm>
            <a:off x="548640" y="858794"/>
            <a:ext cx="3941064" cy="312470"/>
          </a:xfrm>
          <a:custGeom>
            <a:avLst/>
            <a:gdLst>
              <a:gd name="T0" fmla="*/ 557 w 2065"/>
              <a:gd name="T1" fmla="*/ 102 h 161"/>
              <a:gd name="T2" fmla="*/ 510 w 2065"/>
              <a:gd name="T3" fmla="*/ 76 h 161"/>
              <a:gd name="T4" fmla="*/ 583 w 2065"/>
              <a:gd name="T5" fmla="*/ 36 h 161"/>
              <a:gd name="T6" fmla="*/ 641 w 2065"/>
              <a:gd name="T7" fmla="*/ 34 h 161"/>
              <a:gd name="T8" fmla="*/ 2038 w 2065"/>
              <a:gd name="T9" fmla="*/ 1 h 161"/>
              <a:gd name="T10" fmla="*/ 706 w 2065"/>
              <a:gd name="T11" fmla="*/ 59 h 161"/>
              <a:gd name="T12" fmla="*/ 733 w 2065"/>
              <a:gd name="T13" fmla="*/ 100 h 161"/>
              <a:gd name="T14" fmla="*/ 1999 w 2065"/>
              <a:gd name="T15" fmla="*/ 132 h 161"/>
              <a:gd name="T16" fmla="*/ 760 w 2065"/>
              <a:gd name="T17" fmla="*/ 84 h 161"/>
              <a:gd name="T18" fmla="*/ 787 w 2065"/>
              <a:gd name="T19" fmla="*/ 93 h 161"/>
              <a:gd name="T20" fmla="*/ 828 w 2065"/>
              <a:gd name="T21" fmla="*/ 76 h 161"/>
              <a:gd name="T22" fmla="*/ 133 w 2065"/>
              <a:gd name="T23" fmla="*/ 36 h 161"/>
              <a:gd name="T24" fmla="*/ 166 w 2065"/>
              <a:gd name="T25" fmla="*/ 78 h 161"/>
              <a:gd name="T26" fmla="*/ 225 w 2065"/>
              <a:gd name="T27" fmla="*/ 132 h 161"/>
              <a:gd name="T28" fmla="*/ 32 w 2065"/>
              <a:gd name="T29" fmla="*/ 40 h 161"/>
              <a:gd name="T30" fmla="*/ 5 w 2065"/>
              <a:gd name="T31" fmla="*/ 43 h 161"/>
              <a:gd name="T32" fmla="*/ 0 w 2065"/>
              <a:gd name="T33" fmla="*/ 114 h 161"/>
              <a:gd name="T34" fmla="*/ 266 w 2065"/>
              <a:gd name="T35" fmla="*/ 43 h 161"/>
              <a:gd name="T36" fmla="*/ 258 w 2065"/>
              <a:gd name="T37" fmla="*/ 104 h 161"/>
              <a:gd name="T38" fmla="*/ 347 w 2065"/>
              <a:gd name="T39" fmla="*/ 76 h 161"/>
              <a:gd name="T40" fmla="*/ 285 w 2065"/>
              <a:gd name="T41" fmla="*/ 103 h 161"/>
              <a:gd name="T42" fmla="*/ 429 w 2065"/>
              <a:gd name="T43" fmla="*/ 36 h 161"/>
              <a:gd name="T44" fmla="*/ 479 w 2065"/>
              <a:gd name="T45" fmla="*/ 128 h 161"/>
              <a:gd name="T46" fmla="*/ 479 w 2065"/>
              <a:gd name="T47" fmla="*/ 36 h 161"/>
              <a:gd name="T48" fmla="*/ 354 w 2065"/>
              <a:gd name="T49" fmla="*/ 132 h 161"/>
              <a:gd name="T50" fmla="*/ 382 w 2065"/>
              <a:gd name="T51" fmla="*/ 55 h 161"/>
              <a:gd name="T52" fmla="*/ 1387 w 2065"/>
              <a:gd name="T53" fmla="*/ 84 h 161"/>
              <a:gd name="T54" fmla="*/ 1335 w 2065"/>
              <a:gd name="T55" fmla="*/ 58 h 161"/>
              <a:gd name="T56" fmla="*/ 1834 w 2065"/>
              <a:gd name="T57" fmla="*/ 132 h 161"/>
              <a:gd name="T58" fmla="*/ 1748 w 2065"/>
              <a:gd name="T59" fmla="*/ 34 h 161"/>
              <a:gd name="T60" fmla="*/ 1748 w 2065"/>
              <a:gd name="T61" fmla="*/ 34 h 161"/>
              <a:gd name="T62" fmla="*/ 1773 w 2065"/>
              <a:gd name="T63" fmla="*/ 84 h 161"/>
              <a:gd name="T64" fmla="*/ 1465 w 2065"/>
              <a:gd name="T65" fmla="*/ 109 h 161"/>
              <a:gd name="T66" fmla="*/ 1480 w 2065"/>
              <a:gd name="T67" fmla="*/ 148 h 161"/>
              <a:gd name="T68" fmla="*/ 1442 w 2065"/>
              <a:gd name="T69" fmla="*/ 102 h 161"/>
              <a:gd name="T70" fmla="*/ 1675 w 2065"/>
              <a:gd name="T71" fmla="*/ 37 h 161"/>
              <a:gd name="T72" fmla="*/ 1655 w 2065"/>
              <a:gd name="T73" fmla="*/ 7 h 161"/>
              <a:gd name="T74" fmla="*/ 1648 w 2065"/>
              <a:gd name="T75" fmla="*/ 132 h 161"/>
              <a:gd name="T76" fmla="*/ 1526 w 2065"/>
              <a:gd name="T77" fmla="*/ 36 h 161"/>
              <a:gd name="T78" fmla="*/ 1528 w 2065"/>
              <a:gd name="T79" fmla="*/ 161 h 161"/>
              <a:gd name="T80" fmla="*/ 980 w 2065"/>
              <a:gd name="T81" fmla="*/ 49 h 161"/>
              <a:gd name="T82" fmla="*/ 997 w 2065"/>
              <a:gd name="T83" fmla="*/ 59 h 161"/>
              <a:gd name="T84" fmla="*/ 1250 w 2065"/>
              <a:gd name="T85" fmla="*/ 132 h 161"/>
              <a:gd name="T86" fmla="*/ 1075 w 2065"/>
              <a:gd name="T87" fmla="*/ 49 h 161"/>
              <a:gd name="T88" fmla="*/ 1092 w 2065"/>
              <a:gd name="T89" fmla="*/ 59 h 161"/>
              <a:gd name="T90" fmla="*/ 910 w 2065"/>
              <a:gd name="T91" fmla="*/ 111 h 161"/>
              <a:gd name="T92" fmla="*/ 909 w 2065"/>
              <a:gd name="T93" fmla="*/ 34 h 161"/>
              <a:gd name="T94" fmla="*/ 910 w 2065"/>
              <a:gd name="T95" fmla="*/ 111 h 161"/>
              <a:gd name="T96" fmla="*/ 1962 w 2065"/>
              <a:gd name="T97" fmla="*/ 77 h 161"/>
              <a:gd name="T98" fmla="*/ 1962 w 2065"/>
              <a:gd name="T99" fmla="*/ 132 h 161"/>
              <a:gd name="T100" fmla="*/ 1941 w 2065"/>
              <a:gd name="T101" fmla="*/ 115 h 161"/>
              <a:gd name="T102" fmla="*/ 1193 w 2065"/>
              <a:gd name="T103" fmla="*/ 34 h 161"/>
              <a:gd name="T104" fmla="*/ 1193 w 2065"/>
              <a:gd name="T105" fmla="*/ 34 h 161"/>
              <a:gd name="T106" fmla="*/ 1218 w 2065"/>
              <a:gd name="T107" fmla="*/ 84 h 161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  <a:cxn ang="0">
                <a:pos x="T96" y="T97"/>
              </a:cxn>
              <a:cxn ang="0">
                <a:pos x="T98" y="T99"/>
              </a:cxn>
              <a:cxn ang="0">
                <a:pos x="T100" y="T101"/>
              </a:cxn>
              <a:cxn ang="0">
                <a:pos x="T102" y="T103"/>
              </a:cxn>
              <a:cxn ang="0">
                <a:pos x="T104" y="T105"/>
              </a:cxn>
              <a:cxn ang="0">
                <a:pos x="T106" y="T107"/>
              </a:cxn>
            </a:cxnLst>
            <a:rect l="0" t="0" r="r" b="b"/>
            <a:pathLst>
              <a:path w="2065" h="161">
                <a:moveTo>
                  <a:pt x="530" y="34"/>
                </a:moveTo>
                <a:cubicBezTo>
                  <a:pt x="502" y="34"/>
                  <a:pt x="483" y="57"/>
                  <a:pt x="483" y="84"/>
                </a:cubicBezTo>
                <a:cubicBezTo>
                  <a:pt x="483" y="84"/>
                  <a:pt x="483" y="84"/>
                  <a:pt x="483" y="84"/>
                </a:cubicBezTo>
                <a:cubicBezTo>
                  <a:pt x="483" y="114"/>
                  <a:pt x="504" y="134"/>
                  <a:pt x="533" y="134"/>
                </a:cubicBezTo>
                <a:cubicBezTo>
                  <a:pt x="551" y="134"/>
                  <a:pt x="563" y="127"/>
                  <a:pt x="572" y="116"/>
                </a:cubicBezTo>
                <a:cubicBezTo>
                  <a:pt x="557" y="102"/>
                  <a:pt x="557" y="102"/>
                  <a:pt x="557" y="102"/>
                </a:cubicBezTo>
                <a:cubicBezTo>
                  <a:pt x="549" y="109"/>
                  <a:pt x="543" y="112"/>
                  <a:pt x="533" y="112"/>
                </a:cubicBezTo>
                <a:cubicBezTo>
                  <a:pt x="521" y="112"/>
                  <a:pt x="513" y="106"/>
                  <a:pt x="510" y="93"/>
                </a:cubicBezTo>
                <a:cubicBezTo>
                  <a:pt x="577" y="93"/>
                  <a:pt x="577" y="93"/>
                  <a:pt x="577" y="93"/>
                </a:cubicBezTo>
                <a:cubicBezTo>
                  <a:pt x="577" y="91"/>
                  <a:pt x="577" y="88"/>
                  <a:pt x="577" y="86"/>
                </a:cubicBezTo>
                <a:cubicBezTo>
                  <a:pt x="577" y="59"/>
                  <a:pt x="563" y="34"/>
                  <a:pt x="530" y="34"/>
                </a:cubicBezTo>
                <a:close/>
                <a:moveTo>
                  <a:pt x="510" y="76"/>
                </a:moveTo>
                <a:cubicBezTo>
                  <a:pt x="512" y="64"/>
                  <a:pt x="519" y="56"/>
                  <a:pt x="530" y="56"/>
                </a:cubicBezTo>
                <a:cubicBezTo>
                  <a:pt x="542" y="56"/>
                  <a:pt x="549" y="64"/>
                  <a:pt x="551" y="76"/>
                </a:cubicBezTo>
                <a:lnTo>
                  <a:pt x="510" y="76"/>
                </a:lnTo>
                <a:close/>
                <a:moveTo>
                  <a:pt x="610" y="55"/>
                </a:moveTo>
                <a:cubicBezTo>
                  <a:pt x="610" y="36"/>
                  <a:pt x="610" y="36"/>
                  <a:pt x="610" y="36"/>
                </a:cubicBezTo>
                <a:cubicBezTo>
                  <a:pt x="583" y="36"/>
                  <a:pt x="583" y="36"/>
                  <a:pt x="583" y="36"/>
                </a:cubicBezTo>
                <a:cubicBezTo>
                  <a:pt x="583" y="132"/>
                  <a:pt x="583" y="132"/>
                  <a:pt x="583" y="132"/>
                </a:cubicBezTo>
                <a:cubicBezTo>
                  <a:pt x="610" y="132"/>
                  <a:pt x="610" y="132"/>
                  <a:pt x="610" y="132"/>
                </a:cubicBezTo>
                <a:cubicBezTo>
                  <a:pt x="610" y="97"/>
                  <a:pt x="610" y="97"/>
                  <a:pt x="610" y="97"/>
                </a:cubicBezTo>
                <a:cubicBezTo>
                  <a:pt x="610" y="74"/>
                  <a:pt x="621" y="63"/>
                  <a:pt x="640" y="63"/>
                </a:cubicBezTo>
                <a:cubicBezTo>
                  <a:pt x="641" y="63"/>
                  <a:pt x="641" y="63"/>
                  <a:pt x="641" y="63"/>
                </a:cubicBezTo>
                <a:cubicBezTo>
                  <a:pt x="641" y="34"/>
                  <a:pt x="641" y="34"/>
                  <a:pt x="641" y="34"/>
                </a:cubicBezTo>
                <a:cubicBezTo>
                  <a:pt x="625" y="33"/>
                  <a:pt x="616" y="42"/>
                  <a:pt x="610" y="55"/>
                </a:cubicBezTo>
                <a:close/>
                <a:moveTo>
                  <a:pt x="2038" y="1"/>
                </a:moveTo>
                <a:cubicBezTo>
                  <a:pt x="2038" y="132"/>
                  <a:pt x="2038" y="132"/>
                  <a:pt x="2038" y="132"/>
                </a:cubicBezTo>
                <a:cubicBezTo>
                  <a:pt x="2065" y="132"/>
                  <a:pt x="2065" y="132"/>
                  <a:pt x="2065" y="132"/>
                </a:cubicBezTo>
                <a:cubicBezTo>
                  <a:pt x="2065" y="1"/>
                  <a:pt x="2065" y="1"/>
                  <a:pt x="2065" y="1"/>
                </a:cubicBezTo>
                <a:lnTo>
                  <a:pt x="2038" y="1"/>
                </a:lnTo>
                <a:close/>
                <a:moveTo>
                  <a:pt x="733" y="11"/>
                </a:moveTo>
                <a:cubicBezTo>
                  <a:pt x="706" y="11"/>
                  <a:pt x="706" y="11"/>
                  <a:pt x="706" y="11"/>
                </a:cubicBezTo>
                <a:cubicBezTo>
                  <a:pt x="706" y="36"/>
                  <a:pt x="706" y="36"/>
                  <a:pt x="706" y="36"/>
                </a:cubicBezTo>
                <a:cubicBezTo>
                  <a:pt x="694" y="36"/>
                  <a:pt x="694" y="36"/>
                  <a:pt x="694" y="36"/>
                </a:cubicBezTo>
                <a:cubicBezTo>
                  <a:pt x="694" y="59"/>
                  <a:pt x="694" y="59"/>
                  <a:pt x="694" y="59"/>
                </a:cubicBezTo>
                <a:cubicBezTo>
                  <a:pt x="706" y="59"/>
                  <a:pt x="706" y="59"/>
                  <a:pt x="706" y="59"/>
                </a:cubicBezTo>
                <a:cubicBezTo>
                  <a:pt x="706" y="105"/>
                  <a:pt x="706" y="105"/>
                  <a:pt x="706" y="105"/>
                </a:cubicBezTo>
                <a:cubicBezTo>
                  <a:pt x="706" y="127"/>
                  <a:pt x="717" y="134"/>
                  <a:pt x="734" y="134"/>
                </a:cubicBezTo>
                <a:cubicBezTo>
                  <a:pt x="743" y="134"/>
                  <a:pt x="750" y="132"/>
                  <a:pt x="755" y="128"/>
                </a:cubicBezTo>
                <a:cubicBezTo>
                  <a:pt x="755" y="106"/>
                  <a:pt x="755" y="106"/>
                  <a:pt x="755" y="106"/>
                </a:cubicBezTo>
                <a:cubicBezTo>
                  <a:pt x="752" y="108"/>
                  <a:pt x="747" y="110"/>
                  <a:pt x="742" y="110"/>
                </a:cubicBezTo>
                <a:cubicBezTo>
                  <a:pt x="736" y="110"/>
                  <a:pt x="733" y="107"/>
                  <a:pt x="733" y="100"/>
                </a:cubicBezTo>
                <a:cubicBezTo>
                  <a:pt x="733" y="59"/>
                  <a:pt x="733" y="59"/>
                  <a:pt x="733" y="59"/>
                </a:cubicBezTo>
                <a:cubicBezTo>
                  <a:pt x="756" y="59"/>
                  <a:pt x="756" y="59"/>
                  <a:pt x="756" y="59"/>
                </a:cubicBezTo>
                <a:cubicBezTo>
                  <a:pt x="756" y="36"/>
                  <a:pt x="756" y="36"/>
                  <a:pt x="756" y="36"/>
                </a:cubicBezTo>
                <a:cubicBezTo>
                  <a:pt x="733" y="36"/>
                  <a:pt x="733" y="36"/>
                  <a:pt x="733" y="36"/>
                </a:cubicBezTo>
                <a:lnTo>
                  <a:pt x="733" y="11"/>
                </a:lnTo>
                <a:close/>
                <a:moveTo>
                  <a:pt x="1999" y="132"/>
                </a:moveTo>
                <a:cubicBezTo>
                  <a:pt x="2027" y="132"/>
                  <a:pt x="2027" y="132"/>
                  <a:pt x="2027" y="132"/>
                </a:cubicBezTo>
                <a:cubicBezTo>
                  <a:pt x="2027" y="1"/>
                  <a:pt x="2027" y="1"/>
                  <a:pt x="2027" y="1"/>
                </a:cubicBezTo>
                <a:cubicBezTo>
                  <a:pt x="1999" y="1"/>
                  <a:pt x="1999" y="1"/>
                  <a:pt x="1999" y="1"/>
                </a:cubicBezTo>
                <a:lnTo>
                  <a:pt x="1999" y="132"/>
                </a:lnTo>
                <a:close/>
                <a:moveTo>
                  <a:pt x="807" y="34"/>
                </a:moveTo>
                <a:cubicBezTo>
                  <a:pt x="779" y="34"/>
                  <a:pt x="760" y="57"/>
                  <a:pt x="760" y="84"/>
                </a:cubicBezTo>
                <a:cubicBezTo>
                  <a:pt x="760" y="84"/>
                  <a:pt x="760" y="84"/>
                  <a:pt x="760" y="84"/>
                </a:cubicBezTo>
                <a:cubicBezTo>
                  <a:pt x="760" y="114"/>
                  <a:pt x="781" y="134"/>
                  <a:pt x="810" y="134"/>
                </a:cubicBezTo>
                <a:cubicBezTo>
                  <a:pt x="827" y="134"/>
                  <a:pt x="840" y="127"/>
                  <a:pt x="849" y="116"/>
                </a:cubicBezTo>
                <a:cubicBezTo>
                  <a:pt x="834" y="102"/>
                  <a:pt x="834" y="102"/>
                  <a:pt x="834" y="102"/>
                </a:cubicBezTo>
                <a:cubicBezTo>
                  <a:pt x="826" y="109"/>
                  <a:pt x="820" y="112"/>
                  <a:pt x="810" y="112"/>
                </a:cubicBezTo>
                <a:cubicBezTo>
                  <a:pt x="798" y="112"/>
                  <a:pt x="790" y="106"/>
                  <a:pt x="787" y="93"/>
                </a:cubicBezTo>
                <a:cubicBezTo>
                  <a:pt x="854" y="93"/>
                  <a:pt x="854" y="93"/>
                  <a:pt x="854" y="93"/>
                </a:cubicBezTo>
                <a:cubicBezTo>
                  <a:pt x="854" y="91"/>
                  <a:pt x="854" y="88"/>
                  <a:pt x="854" y="86"/>
                </a:cubicBezTo>
                <a:cubicBezTo>
                  <a:pt x="854" y="59"/>
                  <a:pt x="839" y="34"/>
                  <a:pt x="807" y="34"/>
                </a:cubicBezTo>
                <a:close/>
                <a:moveTo>
                  <a:pt x="787" y="76"/>
                </a:moveTo>
                <a:cubicBezTo>
                  <a:pt x="789" y="64"/>
                  <a:pt x="796" y="56"/>
                  <a:pt x="807" y="56"/>
                </a:cubicBezTo>
                <a:cubicBezTo>
                  <a:pt x="819" y="56"/>
                  <a:pt x="826" y="64"/>
                  <a:pt x="828" y="76"/>
                </a:cubicBezTo>
                <a:lnTo>
                  <a:pt x="787" y="76"/>
                </a:lnTo>
                <a:close/>
                <a:moveTo>
                  <a:pt x="220" y="34"/>
                </a:moveTo>
                <a:cubicBezTo>
                  <a:pt x="207" y="34"/>
                  <a:pt x="197" y="39"/>
                  <a:pt x="189" y="49"/>
                </a:cubicBezTo>
                <a:cubicBezTo>
                  <a:pt x="184" y="40"/>
                  <a:pt x="174" y="34"/>
                  <a:pt x="161" y="34"/>
                </a:cubicBezTo>
                <a:cubicBezTo>
                  <a:pt x="148" y="34"/>
                  <a:pt x="139" y="41"/>
                  <a:pt x="133" y="50"/>
                </a:cubicBezTo>
                <a:cubicBezTo>
                  <a:pt x="133" y="36"/>
                  <a:pt x="133" y="36"/>
                  <a:pt x="133" y="36"/>
                </a:cubicBezTo>
                <a:cubicBezTo>
                  <a:pt x="106" y="36"/>
                  <a:pt x="106" y="36"/>
                  <a:pt x="106" y="36"/>
                </a:cubicBezTo>
                <a:cubicBezTo>
                  <a:pt x="106" y="132"/>
                  <a:pt x="106" y="132"/>
                  <a:pt x="106" y="132"/>
                </a:cubicBezTo>
                <a:cubicBezTo>
                  <a:pt x="133" y="132"/>
                  <a:pt x="133" y="132"/>
                  <a:pt x="133" y="132"/>
                </a:cubicBezTo>
                <a:cubicBezTo>
                  <a:pt x="133" y="78"/>
                  <a:pt x="133" y="78"/>
                  <a:pt x="133" y="78"/>
                </a:cubicBezTo>
                <a:cubicBezTo>
                  <a:pt x="133" y="65"/>
                  <a:pt x="139" y="59"/>
                  <a:pt x="150" y="59"/>
                </a:cubicBezTo>
                <a:cubicBezTo>
                  <a:pt x="160" y="59"/>
                  <a:pt x="166" y="65"/>
                  <a:pt x="166" y="78"/>
                </a:cubicBezTo>
                <a:cubicBezTo>
                  <a:pt x="166" y="132"/>
                  <a:pt x="166" y="132"/>
                  <a:pt x="166" y="132"/>
                </a:cubicBezTo>
                <a:cubicBezTo>
                  <a:pt x="193" y="132"/>
                  <a:pt x="193" y="132"/>
                  <a:pt x="193" y="132"/>
                </a:cubicBezTo>
                <a:cubicBezTo>
                  <a:pt x="193" y="78"/>
                  <a:pt x="193" y="78"/>
                  <a:pt x="193" y="78"/>
                </a:cubicBezTo>
                <a:cubicBezTo>
                  <a:pt x="193" y="65"/>
                  <a:pt x="199" y="59"/>
                  <a:pt x="209" y="59"/>
                </a:cubicBezTo>
                <a:cubicBezTo>
                  <a:pt x="220" y="59"/>
                  <a:pt x="225" y="65"/>
                  <a:pt x="225" y="78"/>
                </a:cubicBezTo>
                <a:cubicBezTo>
                  <a:pt x="225" y="132"/>
                  <a:pt x="225" y="132"/>
                  <a:pt x="225" y="132"/>
                </a:cubicBezTo>
                <a:cubicBezTo>
                  <a:pt x="253" y="132"/>
                  <a:pt x="253" y="132"/>
                  <a:pt x="253" y="132"/>
                </a:cubicBezTo>
                <a:cubicBezTo>
                  <a:pt x="253" y="69"/>
                  <a:pt x="253" y="69"/>
                  <a:pt x="253" y="69"/>
                </a:cubicBezTo>
                <a:cubicBezTo>
                  <a:pt x="253" y="46"/>
                  <a:pt x="240" y="34"/>
                  <a:pt x="220" y="34"/>
                </a:cubicBezTo>
                <a:close/>
                <a:moveTo>
                  <a:pt x="59" y="57"/>
                </a:moveTo>
                <a:cubicBezTo>
                  <a:pt x="38" y="51"/>
                  <a:pt x="32" y="49"/>
                  <a:pt x="32" y="40"/>
                </a:cubicBezTo>
                <a:cubicBezTo>
                  <a:pt x="32" y="40"/>
                  <a:pt x="32" y="40"/>
                  <a:pt x="32" y="40"/>
                </a:cubicBezTo>
                <a:cubicBezTo>
                  <a:pt x="32" y="34"/>
                  <a:pt x="38" y="29"/>
                  <a:pt x="48" y="29"/>
                </a:cubicBezTo>
                <a:cubicBezTo>
                  <a:pt x="59" y="29"/>
                  <a:pt x="70" y="34"/>
                  <a:pt x="81" y="41"/>
                </a:cubicBezTo>
                <a:cubicBezTo>
                  <a:pt x="95" y="21"/>
                  <a:pt x="95" y="21"/>
                  <a:pt x="95" y="21"/>
                </a:cubicBezTo>
                <a:cubicBezTo>
                  <a:pt x="83" y="10"/>
                  <a:pt x="67" y="5"/>
                  <a:pt x="49" y="5"/>
                </a:cubicBezTo>
                <a:cubicBezTo>
                  <a:pt x="23" y="5"/>
                  <a:pt x="5" y="20"/>
                  <a:pt x="5" y="43"/>
                </a:cubicBezTo>
                <a:cubicBezTo>
                  <a:pt x="5" y="43"/>
                  <a:pt x="5" y="43"/>
                  <a:pt x="5" y="43"/>
                </a:cubicBezTo>
                <a:cubicBezTo>
                  <a:pt x="5" y="68"/>
                  <a:pt x="21" y="75"/>
                  <a:pt x="46" y="81"/>
                </a:cubicBezTo>
                <a:cubicBezTo>
                  <a:pt x="67" y="87"/>
                  <a:pt x="72" y="90"/>
                  <a:pt x="72" y="97"/>
                </a:cubicBezTo>
                <a:cubicBezTo>
                  <a:pt x="72" y="98"/>
                  <a:pt x="72" y="98"/>
                  <a:pt x="72" y="98"/>
                </a:cubicBezTo>
                <a:cubicBezTo>
                  <a:pt x="72" y="105"/>
                  <a:pt x="65" y="109"/>
                  <a:pt x="54" y="109"/>
                </a:cubicBezTo>
                <a:cubicBezTo>
                  <a:pt x="39" y="109"/>
                  <a:pt x="27" y="104"/>
                  <a:pt x="16" y="94"/>
                </a:cubicBezTo>
                <a:cubicBezTo>
                  <a:pt x="0" y="114"/>
                  <a:pt x="0" y="114"/>
                  <a:pt x="0" y="114"/>
                </a:cubicBezTo>
                <a:cubicBezTo>
                  <a:pt x="15" y="127"/>
                  <a:pt x="34" y="134"/>
                  <a:pt x="53" y="134"/>
                </a:cubicBezTo>
                <a:cubicBezTo>
                  <a:pt x="80" y="134"/>
                  <a:pt x="99" y="120"/>
                  <a:pt x="99" y="95"/>
                </a:cubicBezTo>
                <a:cubicBezTo>
                  <a:pt x="99" y="95"/>
                  <a:pt x="99" y="95"/>
                  <a:pt x="99" y="95"/>
                </a:cubicBezTo>
                <a:cubicBezTo>
                  <a:pt x="99" y="73"/>
                  <a:pt x="85" y="63"/>
                  <a:pt x="59" y="57"/>
                </a:cubicBezTo>
                <a:close/>
                <a:moveTo>
                  <a:pt x="304" y="35"/>
                </a:moveTo>
                <a:cubicBezTo>
                  <a:pt x="287" y="35"/>
                  <a:pt x="277" y="38"/>
                  <a:pt x="266" y="43"/>
                </a:cubicBezTo>
                <a:cubicBezTo>
                  <a:pt x="273" y="63"/>
                  <a:pt x="273" y="63"/>
                  <a:pt x="273" y="63"/>
                </a:cubicBezTo>
                <a:cubicBezTo>
                  <a:pt x="282" y="60"/>
                  <a:pt x="289" y="58"/>
                  <a:pt x="300" y="58"/>
                </a:cubicBezTo>
                <a:cubicBezTo>
                  <a:pt x="313" y="58"/>
                  <a:pt x="320" y="64"/>
                  <a:pt x="320" y="76"/>
                </a:cubicBezTo>
                <a:cubicBezTo>
                  <a:pt x="320" y="77"/>
                  <a:pt x="320" y="77"/>
                  <a:pt x="320" y="77"/>
                </a:cubicBezTo>
                <a:cubicBezTo>
                  <a:pt x="314" y="75"/>
                  <a:pt x="307" y="73"/>
                  <a:pt x="297" y="73"/>
                </a:cubicBezTo>
                <a:cubicBezTo>
                  <a:pt x="274" y="73"/>
                  <a:pt x="258" y="83"/>
                  <a:pt x="258" y="104"/>
                </a:cubicBezTo>
                <a:cubicBezTo>
                  <a:pt x="258" y="104"/>
                  <a:pt x="258" y="104"/>
                  <a:pt x="258" y="104"/>
                </a:cubicBezTo>
                <a:cubicBezTo>
                  <a:pt x="258" y="123"/>
                  <a:pt x="273" y="134"/>
                  <a:pt x="291" y="134"/>
                </a:cubicBezTo>
                <a:cubicBezTo>
                  <a:pt x="304" y="134"/>
                  <a:pt x="314" y="129"/>
                  <a:pt x="320" y="122"/>
                </a:cubicBezTo>
                <a:cubicBezTo>
                  <a:pt x="320" y="132"/>
                  <a:pt x="320" y="132"/>
                  <a:pt x="320" y="132"/>
                </a:cubicBezTo>
                <a:cubicBezTo>
                  <a:pt x="347" y="132"/>
                  <a:pt x="347" y="132"/>
                  <a:pt x="347" y="132"/>
                </a:cubicBezTo>
                <a:cubicBezTo>
                  <a:pt x="347" y="76"/>
                  <a:pt x="347" y="76"/>
                  <a:pt x="347" y="76"/>
                </a:cubicBezTo>
                <a:cubicBezTo>
                  <a:pt x="347" y="63"/>
                  <a:pt x="343" y="53"/>
                  <a:pt x="336" y="46"/>
                </a:cubicBezTo>
                <a:cubicBezTo>
                  <a:pt x="329" y="39"/>
                  <a:pt x="319" y="35"/>
                  <a:pt x="304" y="35"/>
                </a:cubicBezTo>
                <a:close/>
                <a:moveTo>
                  <a:pt x="321" y="98"/>
                </a:moveTo>
                <a:cubicBezTo>
                  <a:pt x="321" y="108"/>
                  <a:pt x="312" y="115"/>
                  <a:pt x="299" y="115"/>
                </a:cubicBezTo>
                <a:cubicBezTo>
                  <a:pt x="291" y="115"/>
                  <a:pt x="285" y="111"/>
                  <a:pt x="285" y="103"/>
                </a:cubicBezTo>
                <a:cubicBezTo>
                  <a:pt x="285" y="103"/>
                  <a:pt x="285" y="103"/>
                  <a:pt x="285" y="103"/>
                </a:cubicBezTo>
                <a:cubicBezTo>
                  <a:pt x="285" y="94"/>
                  <a:pt x="292" y="90"/>
                  <a:pt x="303" y="90"/>
                </a:cubicBezTo>
                <a:cubicBezTo>
                  <a:pt x="310" y="90"/>
                  <a:pt x="316" y="91"/>
                  <a:pt x="321" y="93"/>
                </a:cubicBezTo>
                <a:lnTo>
                  <a:pt x="321" y="98"/>
                </a:lnTo>
                <a:close/>
                <a:moveTo>
                  <a:pt x="457" y="11"/>
                </a:moveTo>
                <a:cubicBezTo>
                  <a:pt x="429" y="11"/>
                  <a:pt x="429" y="11"/>
                  <a:pt x="429" y="11"/>
                </a:cubicBezTo>
                <a:cubicBezTo>
                  <a:pt x="429" y="36"/>
                  <a:pt x="429" y="36"/>
                  <a:pt x="429" y="36"/>
                </a:cubicBezTo>
                <a:cubicBezTo>
                  <a:pt x="418" y="36"/>
                  <a:pt x="418" y="36"/>
                  <a:pt x="418" y="36"/>
                </a:cubicBezTo>
                <a:cubicBezTo>
                  <a:pt x="418" y="59"/>
                  <a:pt x="418" y="59"/>
                  <a:pt x="418" y="59"/>
                </a:cubicBezTo>
                <a:cubicBezTo>
                  <a:pt x="429" y="59"/>
                  <a:pt x="429" y="59"/>
                  <a:pt x="429" y="59"/>
                </a:cubicBezTo>
                <a:cubicBezTo>
                  <a:pt x="429" y="105"/>
                  <a:pt x="429" y="105"/>
                  <a:pt x="429" y="105"/>
                </a:cubicBezTo>
                <a:cubicBezTo>
                  <a:pt x="429" y="127"/>
                  <a:pt x="441" y="134"/>
                  <a:pt x="457" y="134"/>
                </a:cubicBezTo>
                <a:cubicBezTo>
                  <a:pt x="466" y="134"/>
                  <a:pt x="473" y="132"/>
                  <a:pt x="479" y="128"/>
                </a:cubicBezTo>
                <a:cubicBezTo>
                  <a:pt x="479" y="106"/>
                  <a:pt x="479" y="106"/>
                  <a:pt x="479" y="106"/>
                </a:cubicBezTo>
                <a:cubicBezTo>
                  <a:pt x="475" y="108"/>
                  <a:pt x="470" y="110"/>
                  <a:pt x="465" y="110"/>
                </a:cubicBezTo>
                <a:cubicBezTo>
                  <a:pt x="459" y="110"/>
                  <a:pt x="457" y="107"/>
                  <a:pt x="457" y="100"/>
                </a:cubicBezTo>
                <a:cubicBezTo>
                  <a:pt x="457" y="59"/>
                  <a:pt x="457" y="59"/>
                  <a:pt x="457" y="59"/>
                </a:cubicBezTo>
                <a:cubicBezTo>
                  <a:pt x="479" y="59"/>
                  <a:pt x="479" y="59"/>
                  <a:pt x="479" y="59"/>
                </a:cubicBezTo>
                <a:cubicBezTo>
                  <a:pt x="479" y="36"/>
                  <a:pt x="479" y="36"/>
                  <a:pt x="479" y="36"/>
                </a:cubicBezTo>
                <a:cubicBezTo>
                  <a:pt x="457" y="36"/>
                  <a:pt x="457" y="36"/>
                  <a:pt x="457" y="36"/>
                </a:cubicBezTo>
                <a:lnTo>
                  <a:pt x="457" y="11"/>
                </a:lnTo>
                <a:close/>
                <a:moveTo>
                  <a:pt x="382" y="55"/>
                </a:moveTo>
                <a:cubicBezTo>
                  <a:pt x="382" y="36"/>
                  <a:pt x="382" y="36"/>
                  <a:pt x="382" y="36"/>
                </a:cubicBezTo>
                <a:cubicBezTo>
                  <a:pt x="354" y="36"/>
                  <a:pt x="354" y="36"/>
                  <a:pt x="354" y="36"/>
                </a:cubicBezTo>
                <a:cubicBezTo>
                  <a:pt x="354" y="132"/>
                  <a:pt x="354" y="132"/>
                  <a:pt x="354" y="132"/>
                </a:cubicBezTo>
                <a:cubicBezTo>
                  <a:pt x="382" y="132"/>
                  <a:pt x="382" y="132"/>
                  <a:pt x="382" y="132"/>
                </a:cubicBezTo>
                <a:cubicBezTo>
                  <a:pt x="382" y="97"/>
                  <a:pt x="382" y="97"/>
                  <a:pt x="382" y="97"/>
                </a:cubicBezTo>
                <a:cubicBezTo>
                  <a:pt x="382" y="74"/>
                  <a:pt x="393" y="63"/>
                  <a:pt x="411" y="63"/>
                </a:cubicBezTo>
                <a:cubicBezTo>
                  <a:pt x="412" y="63"/>
                  <a:pt x="412" y="63"/>
                  <a:pt x="412" y="63"/>
                </a:cubicBezTo>
                <a:cubicBezTo>
                  <a:pt x="412" y="34"/>
                  <a:pt x="412" y="34"/>
                  <a:pt x="412" y="34"/>
                </a:cubicBezTo>
                <a:cubicBezTo>
                  <a:pt x="396" y="33"/>
                  <a:pt x="387" y="42"/>
                  <a:pt x="382" y="55"/>
                </a:cubicBezTo>
                <a:close/>
                <a:moveTo>
                  <a:pt x="1335" y="34"/>
                </a:moveTo>
                <a:cubicBezTo>
                  <a:pt x="1305" y="34"/>
                  <a:pt x="1283" y="56"/>
                  <a:pt x="1283" y="84"/>
                </a:cubicBezTo>
                <a:cubicBezTo>
                  <a:pt x="1283" y="84"/>
                  <a:pt x="1283" y="84"/>
                  <a:pt x="1283" y="84"/>
                </a:cubicBezTo>
                <a:cubicBezTo>
                  <a:pt x="1283" y="112"/>
                  <a:pt x="1305" y="134"/>
                  <a:pt x="1335" y="134"/>
                </a:cubicBezTo>
                <a:cubicBezTo>
                  <a:pt x="1365" y="134"/>
                  <a:pt x="1387" y="112"/>
                  <a:pt x="1387" y="84"/>
                </a:cubicBezTo>
                <a:cubicBezTo>
                  <a:pt x="1387" y="84"/>
                  <a:pt x="1387" y="84"/>
                  <a:pt x="1387" y="84"/>
                </a:cubicBezTo>
                <a:cubicBezTo>
                  <a:pt x="1387" y="56"/>
                  <a:pt x="1365" y="34"/>
                  <a:pt x="1335" y="34"/>
                </a:cubicBezTo>
                <a:close/>
                <a:moveTo>
                  <a:pt x="1360" y="84"/>
                </a:moveTo>
                <a:cubicBezTo>
                  <a:pt x="1360" y="99"/>
                  <a:pt x="1351" y="111"/>
                  <a:pt x="1335" y="111"/>
                </a:cubicBezTo>
                <a:cubicBezTo>
                  <a:pt x="1320" y="111"/>
                  <a:pt x="1310" y="98"/>
                  <a:pt x="1310" y="84"/>
                </a:cubicBezTo>
                <a:cubicBezTo>
                  <a:pt x="1310" y="84"/>
                  <a:pt x="1310" y="84"/>
                  <a:pt x="1310" y="84"/>
                </a:cubicBezTo>
                <a:cubicBezTo>
                  <a:pt x="1310" y="70"/>
                  <a:pt x="1319" y="58"/>
                  <a:pt x="1335" y="58"/>
                </a:cubicBezTo>
                <a:cubicBezTo>
                  <a:pt x="1350" y="58"/>
                  <a:pt x="1360" y="70"/>
                  <a:pt x="1360" y="84"/>
                </a:cubicBezTo>
                <a:close/>
                <a:moveTo>
                  <a:pt x="1834" y="55"/>
                </a:moveTo>
                <a:cubicBezTo>
                  <a:pt x="1834" y="36"/>
                  <a:pt x="1834" y="36"/>
                  <a:pt x="1834" y="36"/>
                </a:cubicBezTo>
                <a:cubicBezTo>
                  <a:pt x="1807" y="36"/>
                  <a:pt x="1807" y="36"/>
                  <a:pt x="1807" y="36"/>
                </a:cubicBezTo>
                <a:cubicBezTo>
                  <a:pt x="1807" y="132"/>
                  <a:pt x="1807" y="132"/>
                  <a:pt x="1807" y="132"/>
                </a:cubicBezTo>
                <a:cubicBezTo>
                  <a:pt x="1834" y="132"/>
                  <a:pt x="1834" y="132"/>
                  <a:pt x="1834" y="132"/>
                </a:cubicBezTo>
                <a:cubicBezTo>
                  <a:pt x="1834" y="97"/>
                  <a:pt x="1834" y="97"/>
                  <a:pt x="1834" y="97"/>
                </a:cubicBezTo>
                <a:cubicBezTo>
                  <a:pt x="1834" y="74"/>
                  <a:pt x="1845" y="63"/>
                  <a:pt x="1863" y="63"/>
                </a:cubicBezTo>
                <a:cubicBezTo>
                  <a:pt x="1865" y="63"/>
                  <a:pt x="1865" y="63"/>
                  <a:pt x="1865" y="63"/>
                </a:cubicBezTo>
                <a:cubicBezTo>
                  <a:pt x="1865" y="34"/>
                  <a:pt x="1865" y="34"/>
                  <a:pt x="1865" y="34"/>
                </a:cubicBezTo>
                <a:cubicBezTo>
                  <a:pt x="1848" y="33"/>
                  <a:pt x="1839" y="42"/>
                  <a:pt x="1834" y="55"/>
                </a:cubicBezTo>
                <a:close/>
                <a:moveTo>
                  <a:pt x="1748" y="34"/>
                </a:moveTo>
                <a:cubicBezTo>
                  <a:pt x="1718" y="34"/>
                  <a:pt x="1696" y="56"/>
                  <a:pt x="1696" y="84"/>
                </a:cubicBezTo>
                <a:cubicBezTo>
                  <a:pt x="1696" y="84"/>
                  <a:pt x="1696" y="84"/>
                  <a:pt x="1696" y="84"/>
                </a:cubicBezTo>
                <a:cubicBezTo>
                  <a:pt x="1696" y="112"/>
                  <a:pt x="1718" y="134"/>
                  <a:pt x="1748" y="134"/>
                </a:cubicBezTo>
                <a:cubicBezTo>
                  <a:pt x="1778" y="134"/>
                  <a:pt x="1800" y="112"/>
                  <a:pt x="1800" y="84"/>
                </a:cubicBezTo>
                <a:cubicBezTo>
                  <a:pt x="1800" y="84"/>
                  <a:pt x="1800" y="84"/>
                  <a:pt x="1800" y="84"/>
                </a:cubicBezTo>
                <a:cubicBezTo>
                  <a:pt x="1800" y="56"/>
                  <a:pt x="1778" y="34"/>
                  <a:pt x="1748" y="34"/>
                </a:cubicBezTo>
                <a:close/>
                <a:moveTo>
                  <a:pt x="1773" y="84"/>
                </a:moveTo>
                <a:cubicBezTo>
                  <a:pt x="1773" y="99"/>
                  <a:pt x="1764" y="111"/>
                  <a:pt x="1748" y="111"/>
                </a:cubicBezTo>
                <a:cubicBezTo>
                  <a:pt x="1733" y="111"/>
                  <a:pt x="1723" y="98"/>
                  <a:pt x="1723" y="84"/>
                </a:cubicBezTo>
                <a:cubicBezTo>
                  <a:pt x="1723" y="84"/>
                  <a:pt x="1723" y="84"/>
                  <a:pt x="1723" y="84"/>
                </a:cubicBezTo>
                <a:cubicBezTo>
                  <a:pt x="1723" y="70"/>
                  <a:pt x="1732" y="58"/>
                  <a:pt x="1748" y="58"/>
                </a:cubicBezTo>
                <a:cubicBezTo>
                  <a:pt x="1763" y="58"/>
                  <a:pt x="1773" y="70"/>
                  <a:pt x="1773" y="84"/>
                </a:cubicBezTo>
                <a:close/>
                <a:moveTo>
                  <a:pt x="1465" y="48"/>
                </a:moveTo>
                <a:cubicBezTo>
                  <a:pt x="1458" y="40"/>
                  <a:pt x="1449" y="34"/>
                  <a:pt x="1434" y="34"/>
                </a:cubicBezTo>
                <a:cubicBezTo>
                  <a:pt x="1412" y="34"/>
                  <a:pt x="1391" y="50"/>
                  <a:pt x="1391" y="79"/>
                </a:cubicBezTo>
                <a:cubicBezTo>
                  <a:pt x="1391" y="79"/>
                  <a:pt x="1391" y="79"/>
                  <a:pt x="1391" y="79"/>
                </a:cubicBezTo>
                <a:cubicBezTo>
                  <a:pt x="1391" y="108"/>
                  <a:pt x="1412" y="124"/>
                  <a:pt x="1434" y="124"/>
                </a:cubicBezTo>
                <a:cubicBezTo>
                  <a:pt x="1448" y="124"/>
                  <a:pt x="1457" y="118"/>
                  <a:pt x="1465" y="109"/>
                </a:cubicBezTo>
                <a:cubicBezTo>
                  <a:pt x="1465" y="113"/>
                  <a:pt x="1465" y="113"/>
                  <a:pt x="1465" y="113"/>
                </a:cubicBezTo>
                <a:cubicBezTo>
                  <a:pt x="1465" y="130"/>
                  <a:pt x="1457" y="139"/>
                  <a:pt x="1438" y="139"/>
                </a:cubicBezTo>
                <a:cubicBezTo>
                  <a:pt x="1425" y="139"/>
                  <a:pt x="1415" y="136"/>
                  <a:pt x="1405" y="131"/>
                </a:cubicBezTo>
                <a:cubicBezTo>
                  <a:pt x="1396" y="151"/>
                  <a:pt x="1396" y="151"/>
                  <a:pt x="1396" y="151"/>
                </a:cubicBezTo>
                <a:cubicBezTo>
                  <a:pt x="1408" y="158"/>
                  <a:pt x="1423" y="161"/>
                  <a:pt x="1439" y="161"/>
                </a:cubicBezTo>
                <a:cubicBezTo>
                  <a:pt x="1457" y="161"/>
                  <a:pt x="1471" y="157"/>
                  <a:pt x="1480" y="148"/>
                </a:cubicBezTo>
                <a:cubicBezTo>
                  <a:pt x="1488" y="140"/>
                  <a:pt x="1492" y="128"/>
                  <a:pt x="1492" y="110"/>
                </a:cubicBezTo>
                <a:cubicBezTo>
                  <a:pt x="1492" y="36"/>
                  <a:pt x="1492" y="36"/>
                  <a:pt x="1492" y="36"/>
                </a:cubicBezTo>
                <a:cubicBezTo>
                  <a:pt x="1465" y="36"/>
                  <a:pt x="1465" y="36"/>
                  <a:pt x="1465" y="36"/>
                </a:cubicBezTo>
                <a:lnTo>
                  <a:pt x="1465" y="48"/>
                </a:lnTo>
                <a:close/>
                <a:moveTo>
                  <a:pt x="1465" y="79"/>
                </a:moveTo>
                <a:cubicBezTo>
                  <a:pt x="1465" y="92"/>
                  <a:pt x="1455" y="102"/>
                  <a:pt x="1442" y="102"/>
                </a:cubicBezTo>
                <a:cubicBezTo>
                  <a:pt x="1429" y="102"/>
                  <a:pt x="1419" y="93"/>
                  <a:pt x="1419" y="79"/>
                </a:cubicBezTo>
                <a:cubicBezTo>
                  <a:pt x="1419" y="79"/>
                  <a:pt x="1419" y="79"/>
                  <a:pt x="1419" y="79"/>
                </a:cubicBezTo>
                <a:cubicBezTo>
                  <a:pt x="1419" y="66"/>
                  <a:pt x="1429" y="57"/>
                  <a:pt x="1442" y="57"/>
                </a:cubicBezTo>
                <a:cubicBezTo>
                  <a:pt x="1455" y="57"/>
                  <a:pt x="1465" y="66"/>
                  <a:pt x="1465" y="79"/>
                </a:cubicBezTo>
                <a:close/>
                <a:moveTo>
                  <a:pt x="1697" y="37"/>
                </a:moveTo>
                <a:cubicBezTo>
                  <a:pt x="1675" y="37"/>
                  <a:pt x="1675" y="37"/>
                  <a:pt x="1675" y="37"/>
                </a:cubicBezTo>
                <a:cubicBezTo>
                  <a:pt x="1675" y="33"/>
                  <a:pt x="1675" y="33"/>
                  <a:pt x="1675" y="33"/>
                </a:cubicBezTo>
                <a:cubicBezTo>
                  <a:pt x="1675" y="26"/>
                  <a:pt x="1678" y="23"/>
                  <a:pt x="1684" y="23"/>
                </a:cubicBezTo>
                <a:cubicBezTo>
                  <a:pt x="1689" y="23"/>
                  <a:pt x="1693" y="24"/>
                  <a:pt x="1697" y="25"/>
                </a:cubicBezTo>
                <a:cubicBezTo>
                  <a:pt x="1697" y="2"/>
                  <a:pt x="1697" y="2"/>
                  <a:pt x="1697" y="2"/>
                </a:cubicBezTo>
                <a:cubicBezTo>
                  <a:pt x="1692" y="1"/>
                  <a:pt x="1686" y="0"/>
                  <a:pt x="1677" y="0"/>
                </a:cubicBezTo>
                <a:cubicBezTo>
                  <a:pt x="1668" y="0"/>
                  <a:pt x="1660" y="2"/>
                  <a:pt x="1655" y="7"/>
                </a:cubicBezTo>
                <a:cubicBezTo>
                  <a:pt x="1650" y="12"/>
                  <a:pt x="1648" y="20"/>
                  <a:pt x="1648" y="31"/>
                </a:cubicBezTo>
                <a:cubicBezTo>
                  <a:pt x="1648" y="37"/>
                  <a:pt x="1648" y="37"/>
                  <a:pt x="1648" y="37"/>
                </a:cubicBezTo>
                <a:cubicBezTo>
                  <a:pt x="1636" y="37"/>
                  <a:pt x="1636" y="37"/>
                  <a:pt x="1636" y="37"/>
                </a:cubicBezTo>
                <a:cubicBezTo>
                  <a:pt x="1636" y="59"/>
                  <a:pt x="1636" y="59"/>
                  <a:pt x="1636" y="59"/>
                </a:cubicBezTo>
                <a:cubicBezTo>
                  <a:pt x="1648" y="59"/>
                  <a:pt x="1648" y="59"/>
                  <a:pt x="1648" y="59"/>
                </a:cubicBezTo>
                <a:cubicBezTo>
                  <a:pt x="1648" y="132"/>
                  <a:pt x="1648" y="132"/>
                  <a:pt x="1648" y="132"/>
                </a:cubicBezTo>
                <a:cubicBezTo>
                  <a:pt x="1675" y="132"/>
                  <a:pt x="1675" y="132"/>
                  <a:pt x="1675" y="132"/>
                </a:cubicBezTo>
                <a:cubicBezTo>
                  <a:pt x="1675" y="59"/>
                  <a:pt x="1675" y="59"/>
                  <a:pt x="1675" y="59"/>
                </a:cubicBezTo>
                <a:cubicBezTo>
                  <a:pt x="1697" y="59"/>
                  <a:pt x="1697" y="59"/>
                  <a:pt x="1697" y="59"/>
                </a:cubicBezTo>
                <a:lnTo>
                  <a:pt x="1697" y="37"/>
                </a:lnTo>
                <a:close/>
                <a:moveTo>
                  <a:pt x="1548" y="101"/>
                </a:moveTo>
                <a:cubicBezTo>
                  <a:pt x="1526" y="36"/>
                  <a:pt x="1526" y="36"/>
                  <a:pt x="1526" y="36"/>
                </a:cubicBezTo>
                <a:cubicBezTo>
                  <a:pt x="1497" y="36"/>
                  <a:pt x="1497" y="36"/>
                  <a:pt x="1497" y="36"/>
                </a:cubicBezTo>
                <a:cubicBezTo>
                  <a:pt x="1535" y="132"/>
                  <a:pt x="1535" y="132"/>
                  <a:pt x="1535" y="132"/>
                </a:cubicBezTo>
                <a:cubicBezTo>
                  <a:pt x="1532" y="137"/>
                  <a:pt x="1530" y="139"/>
                  <a:pt x="1525" y="139"/>
                </a:cubicBezTo>
                <a:cubicBezTo>
                  <a:pt x="1521" y="139"/>
                  <a:pt x="1517" y="137"/>
                  <a:pt x="1513" y="135"/>
                </a:cubicBezTo>
                <a:cubicBezTo>
                  <a:pt x="1504" y="155"/>
                  <a:pt x="1504" y="155"/>
                  <a:pt x="1504" y="155"/>
                </a:cubicBezTo>
                <a:cubicBezTo>
                  <a:pt x="1511" y="159"/>
                  <a:pt x="1519" y="161"/>
                  <a:pt x="1528" y="161"/>
                </a:cubicBezTo>
                <a:cubicBezTo>
                  <a:pt x="1545" y="161"/>
                  <a:pt x="1553" y="154"/>
                  <a:pt x="1560" y="134"/>
                </a:cubicBezTo>
                <a:cubicBezTo>
                  <a:pt x="1597" y="36"/>
                  <a:pt x="1597" y="36"/>
                  <a:pt x="1597" y="36"/>
                </a:cubicBezTo>
                <a:cubicBezTo>
                  <a:pt x="1569" y="36"/>
                  <a:pt x="1569" y="36"/>
                  <a:pt x="1569" y="36"/>
                </a:cubicBezTo>
                <a:lnTo>
                  <a:pt x="1548" y="101"/>
                </a:lnTo>
                <a:close/>
                <a:moveTo>
                  <a:pt x="1008" y="34"/>
                </a:moveTo>
                <a:cubicBezTo>
                  <a:pt x="994" y="34"/>
                  <a:pt x="986" y="41"/>
                  <a:pt x="980" y="49"/>
                </a:cubicBezTo>
                <a:cubicBezTo>
                  <a:pt x="980" y="1"/>
                  <a:pt x="980" y="1"/>
                  <a:pt x="980" y="1"/>
                </a:cubicBezTo>
                <a:cubicBezTo>
                  <a:pt x="952" y="1"/>
                  <a:pt x="952" y="1"/>
                  <a:pt x="952" y="1"/>
                </a:cubicBezTo>
                <a:cubicBezTo>
                  <a:pt x="952" y="132"/>
                  <a:pt x="952" y="132"/>
                  <a:pt x="952" y="132"/>
                </a:cubicBezTo>
                <a:cubicBezTo>
                  <a:pt x="980" y="132"/>
                  <a:pt x="980" y="132"/>
                  <a:pt x="980" y="132"/>
                </a:cubicBezTo>
                <a:cubicBezTo>
                  <a:pt x="980" y="78"/>
                  <a:pt x="980" y="78"/>
                  <a:pt x="980" y="78"/>
                </a:cubicBezTo>
                <a:cubicBezTo>
                  <a:pt x="980" y="65"/>
                  <a:pt x="986" y="59"/>
                  <a:pt x="997" y="59"/>
                </a:cubicBezTo>
                <a:cubicBezTo>
                  <a:pt x="1007" y="59"/>
                  <a:pt x="1013" y="65"/>
                  <a:pt x="1013" y="78"/>
                </a:cubicBezTo>
                <a:cubicBezTo>
                  <a:pt x="1013" y="132"/>
                  <a:pt x="1013" y="132"/>
                  <a:pt x="1013" y="132"/>
                </a:cubicBezTo>
                <a:cubicBezTo>
                  <a:pt x="1040" y="132"/>
                  <a:pt x="1040" y="132"/>
                  <a:pt x="1040" y="132"/>
                </a:cubicBezTo>
                <a:cubicBezTo>
                  <a:pt x="1040" y="70"/>
                  <a:pt x="1040" y="70"/>
                  <a:pt x="1040" y="70"/>
                </a:cubicBezTo>
                <a:cubicBezTo>
                  <a:pt x="1040" y="48"/>
                  <a:pt x="1028" y="34"/>
                  <a:pt x="1008" y="34"/>
                </a:cubicBezTo>
                <a:close/>
                <a:moveTo>
                  <a:pt x="1250" y="132"/>
                </a:moveTo>
                <a:cubicBezTo>
                  <a:pt x="1278" y="132"/>
                  <a:pt x="1278" y="132"/>
                  <a:pt x="1278" y="132"/>
                </a:cubicBezTo>
                <a:cubicBezTo>
                  <a:pt x="1278" y="1"/>
                  <a:pt x="1278" y="1"/>
                  <a:pt x="1278" y="1"/>
                </a:cubicBezTo>
                <a:cubicBezTo>
                  <a:pt x="1250" y="1"/>
                  <a:pt x="1250" y="1"/>
                  <a:pt x="1250" y="1"/>
                </a:cubicBezTo>
                <a:lnTo>
                  <a:pt x="1250" y="132"/>
                </a:lnTo>
                <a:close/>
                <a:moveTo>
                  <a:pt x="1103" y="34"/>
                </a:moveTo>
                <a:cubicBezTo>
                  <a:pt x="1089" y="34"/>
                  <a:pt x="1081" y="41"/>
                  <a:pt x="1075" y="49"/>
                </a:cubicBezTo>
                <a:cubicBezTo>
                  <a:pt x="1075" y="36"/>
                  <a:pt x="1075" y="36"/>
                  <a:pt x="1075" y="36"/>
                </a:cubicBezTo>
                <a:cubicBezTo>
                  <a:pt x="1047" y="36"/>
                  <a:pt x="1047" y="36"/>
                  <a:pt x="1047" y="36"/>
                </a:cubicBezTo>
                <a:cubicBezTo>
                  <a:pt x="1047" y="132"/>
                  <a:pt x="1047" y="132"/>
                  <a:pt x="1047" y="132"/>
                </a:cubicBezTo>
                <a:cubicBezTo>
                  <a:pt x="1075" y="132"/>
                  <a:pt x="1075" y="132"/>
                  <a:pt x="1075" y="132"/>
                </a:cubicBezTo>
                <a:cubicBezTo>
                  <a:pt x="1075" y="78"/>
                  <a:pt x="1075" y="78"/>
                  <a:pt x="1075" y="78"/>
                </a:cubicBezTo>
                <a:cubicBezTo>
                  <a:pt x="1075" y="65"/>
                  <a:pt x="1081" y="59"/>
                  <a:pt x="1092" y="59"/>
                </a:cubicBezTo>
                <a:cubicBezTo>
                  <a:pt x="1102" y="59"/>
                  <a:pt x="1108" y="65"/>
                  <a:pt x="1108" y="78"/>
                </a:cubicBezTo>
                <a:cubicBezTo>
                  <a:pt x="1108" y="132"/>
                  <a:pt x="1108" y="132"/>
                  <a:pt x="1108" y="132"/>
                </a:cubicBezTo>
                <a:cubicBezTo>
                  <a:pt x="1135" y="132"/>
                  <a:pt x="1135" y="132"/>
                  <a:pt x="1135" y="132"/>
                </a:cubicBezTo>
                <a:cubicBezTo>
                  <a:pt x="1135" y="70"/>
                  <a:pt x="1135" y="70"/>
                  <a:pt x="1135" y="70"/>
                </a:cubicBezTo>
                <a:cubicBezTo>
                  <a:pt x="1135" y="48"/>
                  <a:pt x="1123" y="34"/>
                  <a:pt x="1103" y="34"/>
                </a:cubicBezTo>
                <a:close/>
                <a:moveTo>
                  <a:pt x="910" y="111"/>
                </a:moveTo>
                <a:cubicBezTo>
                  <a:pt x="895" y="111"/>
                  <a:pt x="885" y="99"/>
                  <a:pt x="885" y="84"/>
                </a:cubicBezTo>
                <a:cubicBezTo>
                  <a:pt x="885" y="84"/>
                  <a:pt x="885" y="84"/>
                  <a:pt x="885" y="84"/>
                </a:cubicBezTo>
                <a:cubicBezTo>
                  <a:pt x="885" y="70"/>
                  <a:pt x="895" y="58"/>
                  <a:pt x="909" y="58"/>
                </a:cubicBezTo>
                <a:cubicBezTo>
                  <a:pt x="918" y="58"/>
                  <a:pt x="925" y="62"/>
                  <a:pt x="931" y="68"/>
                </a:cubicBezTo>
                <a:cubicBezTo>
                  <a:pt x="947" y="50"/>
                  <a:pt x="947" y="50"/>
                  <a:pt x="947" y="50"/>
                </a:cubicBezTo>
                <a:cubicBezTo>
                  <a:pt x="938" y="40"/>
                  <a:pt x="927" y="34"/>
                  <a:pt x="909" y="34"/>
                </a:cubicBezTo>
                <a:cubicBezTo>
                  <a:pt x="880" y="34"/>
                  <a:pt x="859" y="57"/>
                  <a:pt x="859" y="84"/>
                </a:cubicBezTo>
                <a:cubicBezTo>
                  <a:pt x="859" y="84"/>
                  <a:pt x="859" y="84"/>
                  <a:pt x="859" y="84"/>
                </a:cubicBezTo>
                <a:cubicBezTo>
                  <a:pt x="859" y="112"/>
                  <a:pt x="880" y="134"/>
                  <a:pt x="909" y="134"/>
                </a:cubicBezTo>
                <a:cubicBezTo>
                  <a:pt x="928" y="134"/>
                  <a:pt x="939" y="127"/>
                  <a:pt x="948" y="117"/>
                </a:cubicBezTo>
                <a:cubicBezTo>
                  <a:pt x="932" y="100"/>
                  <a:pt x="932" y="100"/>
                  <a:pt x="932" y="100"/>
                </a:cubicBezTo>
                <a:cubicBezTo>
                  <a:pt x="925" y="107"/>
                  <a:pt x="919" y="111"/>
                  <a:pt x="910" y="111"/>
                </a:cubicBezTo>
                <a:close/>
                <a:moveTo>
                  <a:pt x="1945" y="35"/>
                </a:moveTo>
                <a:cubicBezTo>
                  <a:pt x="1929" y="35"/>
                  <a:pt x="1918" y="38"/>
                  <a:pt x="1908" y="42"/>
                </a:cubicBezTo>
                <a:cubicBezTo>
                  <a:pt x="1915" y="63"/>
                  <a:pt x="1915" y="63"/>
                  <a:pt x="1915" y="63"/>
                </a:cubicBezTo>
                <a:cubicBezTo>
                  <a:pt x="1923" y="60"/>
                  <a:pt x="1931" y="58"/>
                  <a:pt x="1941" y="58"/>
                </a:cubicBezTo>
                <a:cubicBezTo>
                  <a:pt x="1955" y="58"/>
                  <a:pt x="1962" y="64"/>
                  <a:pt x="1962" y="76"/>
                </a:cubicBezTo>
                <a:cubicBezTo>
                  <a:pt x="1962" y="77"/>
                  <a:pt x="1962" y="77"/>
                  <a:pt x="1962" y="77"/>
                </a:cubicBezTo>
                <a:cubicBezTo>
                  <a:pt x="1955" y="75"/>
                  <a:pt x="1948" y="73"/>
                  <a:pt x="1938" y="73"/>
                </a:cubicBezTo>
                <a:cubicBezTo>
                  <a:pt x="1915" y="73"/>
                  <a:pt x="1899" y="83"/>
                  <a:pt x="1899" y="104"/>
                </a:cubicBezTo>
                <a:cubicBezTo>
                  <a:pt x="1899" y="104"/>
                  <a:pt x="1899" y="104"/>
                  <a:pt x="1899" y="104"/>
                </a:cubicBezTo>
                <a:cubicBezTo>
                  <a:pt x="1899" y="123"/>
                  <a:pt x="1914" y="134"/>
                  <a:pt x="1932" y="134"/>
                </a:cubicBezTo>
                <a:cubicBezTo>
                  <a:pt x="1946" y="134"/>
                  <a:pt x="1955" y="129"/>
                  <a:pt x="1962" y="122"/>
                </a:cubicBezTo>
                <a:cubicBezTo>
                  <a:pt x="1962" y="132"/>
                  <a:pt x="1962" y="132"/>
                  <a:pt x="1962" y="132"/>
                </a:cubicBezTo>
                <a:cubicBezTo>
                  <a:pt x="1988" y="132"/>
                  <a:pt x="1988" y="132"/>
                  <a:pt x="1988" y="132"/>
                </a:cubicBezTo>
                <a:cubicBezTo>
                  <a:pt x="1988" y="76"/>
                  <a:pt x="1988" y="76"/>
                  <a:pt x="1988" y="76"/>
                </a:cubicBezTo>
                <a:cubicBezTo>
                  <a:pt x="1988" y="63"/>
                  <a:pt x="1985" y="53"/>
                  <a:pt x="1978" y="46"/>
                </a:cubicBezTo>
                <a:cubicBezTo>
                  <a:pt x="1971" y="39"/>
                  <a:pt x="1960" y="35"/>
                  <a:pt x="1945" y="35"/>
                </a:cubicBezTo>
                <a:close/>
                <a:moveTo>
                  <a:pt x="1962" y="98"/>
                </a:moveTo>
                <a:cubicBezTo>
                  <a:pt x="1962" y="108"/>
                  <a:pt x="1953" y="115"/>
                  <a:pt x="1941" y="115"/>
                </a:cubicBezTo>
                <a:cubicBezTo>
                  <a:pt x="1932" y="115"/>
                  <a:pt x="1926" y="111"/>
                  <a:pt x="1926" y="103"/>
                </a:cubicBezTo>
                <a:cubicBezTo>
                  <a:pt x="1926" y="103"/>
                  <a:pt x="1926" y="103"/>
                  <a:pt x="1926" y="103"/>
                </a:cubicBezTo>
                <a:cubicBezTo>
                  <a:pt x="1926" y="94"/>
                  <a:pt x="1933" y="90"/>
                  <a:pt x="1945" y="90"/>
                </a:cubicBezTo>
                <a:cubicBezTo>
                  <a:pt x="1951" y="90"/>
                  <a:pt x="1957" y="91"/>
                  <a:pt x="1962" y="93"/>
                </a:cubicBezTo>
                <a:lnTo>
                  <a:pt x="1962" y="98"/>
                </a:lnTo>
                <a:close/>
                <a:moveTo>
                  <a:pt x="1193" y="34"/>
                </a:moveTo>
                <a:cubicBezTo>
                  <a:pt x="1163" y="34"/>
                  <a:pt x="1141" y="56"/>
                  <a:pt x="1141" y="84"/>
                </a:cubicBezTo>
                <a:cubicBezTo>
                  <a:pt x="1141" y="84"/>
                  <a:pt x="1141" y="84"/>
                  <a:pt x="1141" y="84"/>
                </a:cubicBezTo>
                <a:cubicBezTo>
                  <a:pt x="1141" y="112"/>
                  <a:pt x="1163" y="134"/>
                  <a:pt x="1193" y="134"/>
                </a:cubicBezTo>
                <a:cubicBezTo>
                  <a:pt x="1223" y="134"/>
                  <a:pt x="1245" y="112"/>
                  <a:pt x="1245" y="84"/>
                </a:cubicBezTo>
                <a:cubicBezTo>
                  <a:pt x="1245" y="84"/>
                  <a:pt x="1245" y="84"/>
                  <a:pt x="1245" y="84"/>
                </a:cubicBezTo>
                <a:cubicBezTo>
                  <a:pt x="1245" y="56"/>
                  <a:pt x="1223" y="34"/>
                  <a:pt x="1193" y="34"/>
                </a:cubicBezTo>
                <a:close/>
                <a:moveTo>
                  <a:pt x="1218" y="84"/>
                </a:moveTo>
                <a:cubicBezTo>
                  <a:pt x="1218" y="99"/>
                  <a:pt x="1209" y="111"/>
                  <a:pt x="1193" y="111"/>
                </a:cubicBezTo>
                <a:cubicBezTo>
                  <a:pt x="1178" y="111"/>
                  <a:pt x="1168" y="98"/>
                  <a:pt x="1168" y="84"/>
                </a:cubicBezTo>
                <a:cubicBezTo>
                  <a:pt x="1168" y="84"/>
                  <a:pt x="1168" y="84"/>
                  <a:pt x="1168" y="84"/>
                </a:cubicBezTo>
                <a:cubicBezTo>
                  <a:pt x="1168" y="70"/>
                  <a:pt x="1177" y="58"/>
                  <a:pt x="1193" y="58"/>
                </a:cubicBezTo>
                <a:cubicBezTo>
                  <a:pt x="1208" y="58"/>
                  <a:pt x="1218" y="70"/>
                  <a:pt x="1218" y="84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4" name="Rectangle 13">
            <a:extLst>
              <a:ext uri="{FF2B5EF4-FFF2-40B4-BE49-F238E27FC236}">
                <a16:creationId xmlns:a16="http://schemas.microsoft.com/office/drawing/2014/main" id="{5970E5EC-16A0-4AEF-84B5-F3E08D417FAC}"/>
              </a:ext>
            </a:extLst>
          </p:cNvPr>
          <p:cNvSpPr/>
          <p:nvPr userDrawn="1"/>
        </p:nvSpPr>
        <p:spPr bwMode="black">
          <a:xfrm>
            <a:off x="550854" y="5186913"/>
            <a:ext cx="1097683" cy="10672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15" name="Straight Connector 14">
            <a:extLst>
              <a:ext uri="{FF2B5EF4-FFF2-40B4-BE49-F238E27FC236}">
                <a16:creationId xmlns:a16="http://schemas.microsoft.com/office/drawing/2014/main" id="{A8F4BFB1-FDFA-4A62-97C6-BD44D495C395}"/>
              </a:ext>
            </a:extLst>
          </p:cNvPr>
          <p:cNvCxnSpPr/>
          <p:nvPr userDrawn="1"/>
        </p:nvCxnSpPr>
        <p:spPr>
          <a:xfrm>
            <a:off x="550836" y="5292085"/>
            <a:ext cx="5819503" cy="0"/>
          </a:xfrm>
          <a:prstGeom prst="line">
            <a:avLst/>
          </a:prstGeom>
          <a:ln>
            <a:solidFill>
              <a:schemeClr val="bg2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TextBox 15">
            <a:extLst>
              <a:ext uri="{FF2B5EF4-FFF2-40B4-BE49-F238E27FC236}">
                <a16:creationId xmlns:a16="http://schemas.microsoft.com/office/drawing/2014/main" id="{935CE52C-A909-44F8-A42B-39AD32D781BF}"/>
              </a:ext>
            </a:extLst>
          </p:cNvPr>
          <p:cNvSpPr txBox="1"/>
          <p:nvPr userDrawn="1"/>
        </p:nvSpPr>
        <p:spPr>
          <a:xfrm>
            <a:off x="3648898" y="5300525"/>
            <a:ext cx="2852063" cy="30777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lvl="0"/>
            <a:r>
              <a:rPr lang="en-US" sz="1400" dirty="0">
                <a:solidFill>
                  <a:schemeClr val="tx1"/>
                </a:solidFill>
              </a:rPr>
              <a:t>Lenovo Global Product Education</a:t>
            </a:r>
          </a:p>
        </p:txBody>
      </p:sp>
    </p:spTree>
    <p:extLst>
      <p:ext uri="{BB962C8B-B14F-4D97-AF65-F5344CB8AC3E}">
        <p14:creationId xmlns:p14="http://schemas.microsoft.com/office/powerpoint/2010/main" val="1049887607"/>
      </p:ext>
    </p:extLst>
  </p:cSld>
  <p:clrMapOvr>
    <a:masterClrMapping/>
  </p:clrMapOvr>
  <p:transition spd="med"/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Title and Content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22" name="Content Placeholder 2"/>
          <p:cNvSpPr>
            <a:spLocks noGrp="1"/>
          </p:cNvSpPr>
          <p:nvPr>
            <p:ph sz="half" idx="1"/>
          </p:nvPr>
        </p:nvSpPr>
        <p:spPr bwMode="gray">
          <a:xfrm>
            <a:off x="548640" y="1307593"/>
            <a:ext cx="11073384" cy="4919588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6" name="TextBox 5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7" name="Group 6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8" name="Rectangle 7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9" name="Freeform 8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2" name="Freeform 11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3" name="Freeform 12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4" name="Freeform 13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5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6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370975778"/>
      </p:ext>
    </p:extLst>
  </p:cSld>
  <p:clrMapOvr>
    <a:masterClrMapping/>
  </p:clrMapOvr>
  <p:transition spd="med"/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with Subtitle Content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Content Placeholder 2"/>
          <p:cNvSpPr>
            <a:spLocks noGrp="1"/>
          </p:cNvSpPr>
          <p:nvPr>
            <p:ph sz="half" idx="1"/>
          </p:nvPr>
        </p:nvSpPr>
        <p:spPr bwMode="gray">
          <a:xfrm>
            <a:off x="548640" y="1575767"/>
            <a:ext cx="11073384" cy="4651413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23" name="Text Placeholder 2"/>
          <p:cNvSpPr>
            <a:spLocks noGrp="1"/>
          </p:cNvSpPr>
          <p:nvPr>
            <p:ph type="body" idx="10"/>
          </p:nvPr>
        </p:nvSpPr>
        <p:spPr bwMode="gray">
          <a:xfrm>
            <a:off x="557784" y="899112"/>
            <a:ext cx="11073384" cy="292608"/>
          </a:xfrm>
          <a:prstGeom prst="rect">
            <a:avLst/>
          </a:prstGeom>
        </p:spPr>
        <p:txBody>
          <a:bodyPr lIns="0" tIns="0" rIns="0" bIns="0" anchor="ctr" anchorCtr="0">
            <a:noAutofit/>
          </a:bodyPr>
          <a:lstStyle>
            <a:lvl1pPr marL="0" indent="0">
              <a:lnSpc>
                <a:spcPts val="2200"/>
              </a:lnSpc>
              <a:spcBef>
                <a:spcPts val="0"/>
              </a:spcBef>
              <a:buNone/>
              <a:defRPr sz="2200" b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609493" indent="0">
              <a:buNone/>
              <a:defRPr sz="2700" b="1"/>
            </a:lvl2pPr>
            <a:lvl3pPr marL="1218987" indent="0">
              <a:buNone/>
              <a:defRPr sz="2400" b="1"/>
            </a:lvl3pPr>
            <a:lvl4pPr marL="1828480" indent="0">
              <a:buNone/>
              <a:defRPr sz="2100" b="1"/>
            </a:lvl4pPr>
            <a:lvl5pPr marL="2437973" indent="0">
              <a:buNone/>
              <a:defRPr sz="2100" b="1"/>
            </a:lvl5pPr>
            <a:lvl6pPr marL="3047467" indent="0">
              <a:buNone/>
              <a:defRPr sz="2100" b="1"/>
            </a:lvl6pPr>
            <a:lvl7pPr marL="3656960" indent="0">
              <a:buNone/>
              <a:defRPr sz="2100" b="1"/>
            </a:lvl7pPr>
            <a:lvl8pPr marL="4266453" indent="0">
              <a:buNone/>
              <a:defRPr sz="2100" b="1"/>
            </a:lvl8pPr>
            <a:lvl9pPr marL="4875947" indent="0">
              <a:buNone/>
              <a:defRPr sz="21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369451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</p:spTree>
    <p:extLst>
      <p:ext uri="{BB962C8B-B14F-4D97-AF65-F5344CB8AC3E}">
        <p14:creationId xmlns:p14="http://schemas.microsoft.com/office/powerpoint/2010/main" val="581479330"/>
      </p:ext>
    </p:extLst>
  </p:cSld>
  <p:clrMapOvr>
    <a:masterClrMapping/>
  </p:clrMapOvr>
  <p:transition spd="med"/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Title with Subtitle Content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Content Placeholder 2"/>
          <p:cNvSpPr>
            <a:spLocks noGrp="1"/>
          </p:cNvSpPr>
          <p:nvPr>
            <p:ph sz="half" idx="1"/>
          </p:nvPr>
        </p:nvSpPr>
        <p:spPr bwMode="gray">
          <a:xfrm>
            <a:off x="548640" y="1572767"/>
            <a:ext cx="11073384" cy="4654413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23" name="Text Placeholder 2"/>
          <p:cNvSpPr>
            <a:spLocks noGrp="1"/>
          </p:cNvSpPr>
          <p:nvPr>
            <p:ph type="body" idx="10" hasCustomPrompt="1"/>
          </p:nvPr>
        </p:nvSpPr>
        <p:spPr bwMode="gray">
          <a:xfrm>
            <a:off x="557784" y="896112"/>
            <a:ext cx="11073384" cy="292608"/>
          </a:xfrm>
          <a:prstGeom prst="rect">
            <a:avLst/>
          </a:prstGeom>
        </p:spPr>
        <p:txBody>
          <a:bodyPr lIns="0" tIns="0" rIns="0" bIns="0" anchor="t" anchorCtr="0">
            <a:noAutofit/>
          </a:bodyPr>
          <a:lstStyle>
            <a:lvl1pPr marL="0" indent="0">
              <a:lnSpc>
                <a:spcPts val="2200"/>
              </a:lnSpc>
              <a:spcBef>
                <a:spcPts val="0"/>
              </a:spcBef>
              <a:buNone/>
              <a:defRPr sz="2000" b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609493" indent="0">
              <a:buNone/>
              <a:defRPr sz="2700" b="1"/>
            </a:lvl2pPr>
            <a:lvl3pPr marL="1218987" indent="0">
              <a:buNone/>
              <a:defRPr sz="2400" b="1"/>
            </a:lvl3pPr>
            <a:lvl4pPr marL="1828480" indent="0">
              <a:buNone/>
              <a:defRPr sz="2100" b="1"/>
            </a:lvl4pPr>
            <a:lvl5pPr marL="2437973" indent="0">
              <a:buNone/>
              <a:defRPr sz="2100" b="1"/>
            </a:lvl5pPr>
            <a:lvl6pPr marL="3047467" indent="0">
              <a:buNone/>
              <a:defRPr sz="2100" b="1"/>
            </a:lvl6pPr>
            <a:lvl7pPr marL="3656960" indent="0">
              <a:buNone/>
              <a:defRPr sz="2100" b="1"/>
            </a:lvl7pPr>
            <a:lvl8pPr marL="4266453" indent="0">
              <a:buNone/>
              <a:defRPr sz="2100" b="1"/>
            </a:lvl8pPr>
            <a:lvl9pPr marL="4875947" indent="0">
              <a:buNone/>
              <a:defRPr sz="21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392616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7" name="TextBox 6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8" name="Group 7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9" name="Rectangle 8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0" name="Freeform 9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3" name="Freeform 12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4" name="Freeform 13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5" name="Freeform 14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6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7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4165945371"/>
      </p:ext>
    </p:extLst>
  </p:cSld>
  <p:clrMapOvr>
    <a:masterClrMapping/>
  </p:clrMapOvr>
  <p:transition spd="med"/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wo Column Slid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"/>
          </p:nvPr>
        </p:nvSpPr>
        <p:spPr bwMode="gray">
          <a:xfrm>
            <a:off x="548640" y="1307592"/>
            <a:ext cx="5378958" cy="4919589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20" name="Content Placeholder 2"/>
          <p:cNvSpPr>
            <a:spLocks noGrp="1"/>
          </p:cNvSpPr>
          <p:nvPr>
            <p:ph sz="half" idx="14"/>
          </p:nvPr>
        </p:nvSpPr>
        <p:spPr bwMode="gray">
          <a:xfrm>
            <a:off x="6243066" y="1307592"/>
            <a:ext cx="5378958" cy="4919589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647351327"/>
      </p:ext>
    </p:extLst>
  </p:cSld>
  <p:clrMapOvr>
    <a:masterClrMapping/>
  </p:clrMapOvr>
  <p:transition spd="med"/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Two Column Slide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"/>
          </p:nvPr>
        </p:nvSpPr>
        <p:spPr bwMode="gray">
          <a:xfrm>
            <a:off x="548640" y="1307592"/>
            <a:ext cx="5378958" cy="4919589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20" name="Content Placeholder 2"/>
          <p:cNvSpPr>
            <a:spLocks noGrp="1"/>
          </p:cNvSpPr>
          <p:nvPr>
            <p:ph sz="half" idx="14"/>
          </p:nvPr>
        </p:nvSpPr>
        <p:spPr bwMode="gray">
          <a:xfrm>
            <a:off x="6243066" y="1307592"/>
            <a:ext cx="5378958" cy="4919589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TextBox 6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8" name="Group 7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9" name="Rectangle 8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0" name="Freeform 9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3" name="Freeform 12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4" name="Freeform 13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5" name="Freeform 14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7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8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577799921"/>
      </p:ext>
    </p:extLst>
  </p:cSld>
  <p:clrMapOvr>
    <a:masterClrMapping/>
  </p:clrMapOvr>
  <p:transition spd="med"/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hree Column Slid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"/>
          </p:nvPr>
        </p:nvSpPr>
        <p:spPr bwMode="gray">
          <a:xfrm>
            <a:off x="548640" y="1307593"/>
            <a:ext cx="3474720" cy="4919588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8" name="Content Placeholder 2"/>
          <p:cNvSpPr>
            <a:spLocks noGrp="1"/>
          </p:cNvSpPr>
          <p:nvPr>
            <p:ph sz="half" idx="10"/>
          </p:nvPr>
        </p:nvSpPr>
        <p:spPr bwMode="gray">
          <a:xfrm>
            <a:off x="4347972" y="1307593"/>
            <a:ext cx="3474720" cy="4919588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9" name="Content Placeholder 2"/>
          <p:cNvSpPr>
            <a:spLocks noGrp="1"/>
          </p:cNvSpPr>
          <p:nvPr>
            <p:ph sz="half" idx="11"/>
          </p:nvPr>
        </p:nvSpPr>
        <p:spPr bwMode="gray">
          <a:xfrm>
            <a:off x="8147304" y="1307593"/>
            <a:ext cx="3474720" cy="4919588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94563597"/>
      </p:ext>
    </p:extLst>
  </p:cSld>
  <p:clrMapOvr>
    <a:masterClrMapping/>
  </p:clrMapOvr>
  <p:transition spd="med"/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Three Column Slide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"/>
          </p:nvPr>
        </p:nvSpPr>
        <p:spPr bwMode="gray">
          <a:xfrm>
            <a:off x="548640" y="1307593"/>
            <a:ext cx="3474720" cy="4919588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8" name="Content Placeholder 2"/>
          <p:cNvSpPr>
            <a:spLocks noGrp="1"/>
          </p:cNvSpPr>
          <p:nvPr>
            <p:ph sz="half" idx="10"/>
          </p:nvPr>
        </p:nvSpPr>
        <p:spPr bwMode="gray">
          <a:xfrm>
            <a:off x="4347972" y="1307593"/>
            <a:ext cx="3474720" cy="4919588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9" name="Content Placeholder 2"/>
          <p:cNvSpPr>
            <a:spLocks noGrp="1"/>
          </p:cNvSpPr>
          <p:nvPr>
            <p:ph sz="half" idx="11"/>
          </p:nvPr>
        </p:nvSpPr>
        <p:spPr bwMode="gray">
          <a:xfrm>
            <a:off x="8147304" y="1307593"/>
            <a:ext cx="3474720" cy="4919588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10" name="TextBox 9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12" name="Group 11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13" name="Rectangle 12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4" name="Freeform 13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5" name="Freeform 14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8" name="Freeform 17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9" name="Freeform 18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0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1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3489591086"/>
      </p:ext>
    </p:extLst>
  </p:cSld>
  <p:clrMapOvr>
    <a:masterClrMapping/>
  </p:clrMapOvr>
  <p:transition spd="med"/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w/Imag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6036718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"/>
          </p:nvPr>
        </p:nvSpPr>
        <p:spPr bwMode="gray">
          <a:xfrm>
            <a:off x="548640" y="1307592"/>
            <a:ext cx="6036718" cy="4919589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6" name="Picture Placeholder 8"/>
          <p:cNvSpPr>
            <a:spLocks noGrp="1"/>
          </p:cNvSpPr>
          <p:nvPr>
            <p:ph type="pic" sz="quarter" idx="16"/>
          </p:nvPr>
        </p:nvSpPr>
        <p:spPr>
          <a:xfrm>
            <a:off x="6835285" y="0"/>
            <a:ext cx="5353539" cy="6858000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2400"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7745591"/>
      </p:ext>
    </p:extLst>
  </p:cSld>
  <p:clrMapOvr>
    <a:masterClrMapping/>
  </p:clrMapOvr>
  <p:transition spd="med"/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Title w/Image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6036718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"/>
          </p:nvPr>
        </p:nvSpPr>
        <p:spPr bwMode="gray">
          <a:xfrm>
            <a:off x="548640" y="1307592"/>
            <a:ext cx="6036718" cy="4919589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6" name="Picture Placeholder 8"/>
          <p:cNvSpPr>
            <a:spLocks noGrp="1"/>
          </p:cNvSpPr>
          <p:nvPr>
            <p:ph type="pic" sz="quarter" idx="16"/>
          </p:nvPr>
        </p:nvSpPr>
        <p:spPr>
          <a:xfrm>
            <a:off x="6835285" y="0"/>
            <a:ext cx="5353539" cy="6858000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2400"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19" name="TextBox 18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20" name="Group 19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21" name="Rectangle 20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2" name="Freeform 21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3" name="Freeform 22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4" name="Freeform 23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5" name="Freeform 24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6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7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992496215"/>
      </p:ext>
    </p:extLst>
  </p:cSld>
  <p:clrMapOvr>
    <a:masterClrMapping/>
  </p:clrMapOvr>
  <p:transition spd="med"/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hoto + Statem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0" y="0"/>
            <a:ext cx="4061791" cy="68580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Picture Placeholder 8"/>
          <p:cNvSpPr>
            <a:spLocks noGrp="1"/>
          </p:cNvSpPr>
          <p:nvPr>
            <p:ph type="pic" sz="quarter" idx="16"/>
          </p:nvPr>
        </p:nvSpPr>
        <p:spPr>
          <a:xfrm>
            <a:off x="4061791" y="0"/>
            <a:ext cx="8127034" cy="6858000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2400"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14" name="Text Placeholder 3"/>
          <p:cNvSpPr>
            <a:spLocks noGrp="1"/>
          </p:cNvSpPr>
          <p:nvPr>
            <p:ph type="body" sz="quarter" idx="18" hasCustomPrompt="1"/>
          </p:nvPr>
        </p:nvSpPr>
        <p:spPr>
          <a:xfrm>
            <a:off x="548640" y="849535"/>
            <a:ext cx="3513151" cy="1926795"/>
          </a:xfrm>
          <a:prstGeom prst="rect">
            <a:avLst/>
          </a:prstGeom>
          <a:noFill/>
        </p:spPr>
        <p:txBody>
          <a:bodyPr lIns="0" tIns="0" rIns="0" bIns="0" anchor="t">
            <a:noAutofit/>
          </a:bodyPr>
          <a:lstStyle>
            <a:lvl1pPr marL="0" indent="0">
              <a:lnSpc>
                <a:spcPts val="4200"/>
              </a:lnSpc>
              <a:spcBef>
                <a:spcPts val="0"/>
              </a:spcBef>
              <a:buFont typeface="Arial" panose="020B0604020202020204" pitchFamily="34" charset="0"/>
              <a:buNone/>
              <a:defRPr sz="4600" b="1" strike="noStrike" spc="-150" baseline="0">
                <a:solidFill>
                  <a:schemeClr val="tx1"/>
                </a:solidFill>
              </a:defRPr>
            </a:lvl1pPr>
            <a:lvl2pPr marL="341313" indent="0">
              <a:buNone/>
              <a:defRPr/>
            </a:lvl2pPr>
            <a:lvl3pPr marL="679450" indent="0">
              <a:buNone/>
              <a:defRPr/>
            </a:lvl3pPr>
            <a:lvl4pPr marL="966787" indent="0">
              <a:buNone/>
              <a:defRPr/>
            </a:lvl4pPr>
            <a:lvl5pPr marL="1146175" indent="0">
              <a:buNone/>
              <a:defRPr/>
            </a:lvl5pPr>
          </a:lstStyle>
          <a:p>
            <a:pPr lvl="0"/>
            <a:r>
              <a:rPr lang="en-US" dirty="0"/>
              <a:t>Photo plus</a:t>
            </a:r>
            <a:br>
              <a:rPr lang="en-US" dirty="0"/>
            </a:br>
            <a:r>
              <a:rPr lang="en-US" dirty="0"/>
              <a:t>statement</a:t>
            </a:r>
            <a:br>
              <a:rPr lang="en-US" dirty="0"/>
            </a:br>
            <a:r>
              <a:rPr lang="en-US" dirty="0"/>
              <a:t>layout</a:t>
            </a:r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9" hasCustomPrompt="1"/>
          </p:nvPr>
        </p:nvSpPr>
        <p:spPr>
          <a:xfrm>
            <a:off x="548641" y="2943638"/>
            <a:ext cx="3513150" cy="1641615"/>
          </a:xfrm>
          <a:prstGeom prst="rect">
            <a:avLst/>
          </a:prstGeom>
        </p:spPr>
        <p:txBody>
          <a:bodyPr lIns="0" tIns="0" rIns="0" bIns="0"/>
          <a:lstStyle>
            <a:lvl1pPr marL="0" indent="0">
              <a:lnSpc>
                <a:spcPts val="2400"/>
              </a:lnSpc>
              <a:spcBef>
                <a:spcPts val="0"/>
              </a:spcBef>
              <a:buNone/>
              <a:defRPr sz="2400" baseline="0">
                <a:solidFill>
                  <a:schemeClr val="tx1"/>
                </a:solidFill>
              </a:defRPr>
            </a:lvl1pPr>
            <a:lvl2pPr marL="609494" indent="0">
              <a:buNone/>
              <a:defRPr/>
            </a:lvl2pPr>
            <a:lvl3pPr marL="1218986" indent="0">
              <a:buNone/>
              <a:defRPr/>
            </a:lvl3pPr>
            <a:lvl4pPr marL="1828480" indent="0">
              <a:buNone/>
              <a:defRPr/>
            </a:lvl4pPr>
            <a:lvl5pPr marL="2437973" indent="0">
              <a:buNone/>
              <a:defRPr/>
            </a:lvl5pPr>
          </a:lstStyle>
          <a:p>
            <a:pPr lvl="0"/>
            <a:r>
              <a:rPr lang="en-US" dirty="0"/>
              <a:t>Subtitle goes here</a:t>
            </a:r>
          </a:p>
        </p:txBody>
      </p:sp>
    </p:spTree>
    <p:extLst>
      <p:ext uri="{BB962C8B-B14F-4D97-AF65-F5344CB8AC3E}">
        <p14:creationId xmlns:p14="http://schemas.microsoft.com/office/powerpoint/2010/main" val="3734084262"/>
      </p:ext>
    </p:extLst>
  </p:cSld>
  <p:clrMapOvr>
    <a:masterClrMapping/>
  </p:clrMapOvr>
  <p:transition spd="med"/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Title Slide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" name="Title 16"/>
          <p:cNvSpPr>
            <a:spLocks noGrp="1"/>
          </p:cNvSpPr>
          <p:nvPr userDrawn="1">
            <p:ph type="title" hasCustomPrompt="1"/>
          </p:nvPr>
        </p:nvSpPr>
        <p:spPr bwMode="gray">
          <a:xfrm>
            <a:off x="548640" y="1682496"/>
            <a:ext cx="9960236" cy="2898648"/>
          </a:xfrm>
          <a:prstGeom prst="rect">
            <a:avLst/>
          </a:prstGeom>
        </p:spPr>
        <p:txBody>
          <a:bodyPr lIns="0" tIns="0" rIns="121899" bIns="0" anchor="b" anchorCtr="0"/>
          <a:lstStyle>
            <a:lvl1pPr marL="0" algn="l" defTabSz="1218987" rtl="0" eaLnBrk="1" latinLnBrk="0" hangingPunct="1">
              <a:lnSpc>
                <a:spcPts val="6800"/>
              </a:lnSpc>
              <a:spcBef>
                <a:spcPct val="0"/>
              </a:spcBef>
              <a:buNone/>
              <a:defRPr lang="en-US" sz="6600" b="1" kern="1200" cap="none" spc="-15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Presentation</a:t>
            </a:r>
            <a:br>
              <a:rPr lang="en-US" dirty="0"/>
            </a:br>
            <a:r>
              <a:rPr lang="en-US" dirty="0"/>
              <a:t>title here</a:t>
            </a:r>
            <a:br>
              <a:rPr lang="en-US" dirty="0"/>
            </a:br>
            <a:r>
              <a:rPr lang="en-US" dirty="0"/>
              <a:t>three lines</a:t>
            </a:r>
          </a:p>
        </p:txBody>
      </p:sp>
      <p:sp>
        <p:nvSpPr>
          <p:cNvPr id="55" name="Subtitle 2"/>
          <p:cNvSpPr>
            <a:spLocks noGrp="1"/>
          </p:cNvSpPr>
          <p:nvPr userDrawn="1">
            <p:ph type="subTitle" idx="1" hasCustomPrompt="1"/>
          </p:nvPr>
        </p:nvSpPr>
        <p:spPr bwMode="gray">
          <a:xfrm>
            <a:off x="548640" y="4718304"/>
            <a:ext cx="9949796" cy="457200"/>
          </a:xfrm>
          <a:prstGeom prst="rect">
            <a:avLst/>
          </a:prstGeom>
        </p:spPr>
        <p:txBody>
          <a:bodyPr lIns="0" tIns="0" rIns="0" bIns="0" anchor="b" anchorCtr="0"/>
          <a:lstStyle>
            <a:lvl1pPr marL="0" indent="0" algn="l" defTabSz="1218987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lang="en-US" sz="2600" b="0" kern="1200" cap="none" spc="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  <a:lvl2pPr marL="60949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121898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82848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243797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304746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365696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426645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487594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ourse Code | Date</a:t>
            </a:r>
          </a:p>
        </p:txBody>
      </p:sp>
      <p:sp>
        <p:nvSpPr>
          <p:cNvPr id="49" name="TextBox 48"/>
          <p:cNvSpPr txBox="1"/>
          <p:nvPr userDrawn="1"/>
        </p:nvSpPr>
        <p:spPr>
          <a:xfrm>
            <a:off x="548640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14" name="Group 13">
            <a:extLst>
              <a:ext uri="{FF2B5EF4-FFF2-40B4-BE49-F238E27FC236}">
                <a16:creationId xmlns:a16="http://schemas.microsoft.com/office/drawing/2014/main" id="{730FCEFF-7702-4B0E-948D-7E37B6A4478F}"/>
              </a:ext>
            </a:extLst>
          </p:cNvPr>
          <p:cNvGrpSpPr>
            <a:grpSpLocks noChangeAspect="1"/>
          </p:cNvGrpSpPr>
          <p:nvPr userDrawn="1"/>
        </p:nvGrpSpPr>
        <p:grpSpPr>
          <a:xfrm rot="16200000">
            <a:off x="9855467" y="2024677"/>
            <a:ext cx="3499241" cy="1167475"/>
            <a:chOff x="547688" y="952500"/>
            <a:chExt cx="12190413" cy="4067175"/>
          </a:xfrm>
        </p:grpSpPr>
        <p:sp>
          <p:nvSpPr>
            <p:cNvPr id="15" name="Rectangle 14">
              <a:extLst>
                <a:ext uri="{FF2B5EF4-FFF2-40B4-BE49-F238E27FC236}">
                  <a16:creationId xmlns:a16="http://schemas.microsoft.com/office/drawing/2014/main" id="{A72C7185-76FD-4187-919A-25A3BADA4C3B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6" name="Freeform 7">
              <a:extLst>
                <a:ext uri="{FF2B5EF4-FFF2-40B4-BE49-F238E27FC236}">
                  <a16:creationId xmlns:a16="http://schemas.microsoft.com/office/drawing/2014/main" id="{844F2D33-776A-4BB3-B1AA-62CB8D3805BC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7" name="Freeform 8">
              <a:extLst>
                <a:ext uri="{FF2B5EF4-FFF2-40B4-BE49-F238E27FC236}">
                  <a16:creationId xmlns:a16="http://schemas.microsoft.com/office/drawing/2014/main" id="{B25A57CA-E6B6-4485-835D-0514A4A91E63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8" name="Freeform 9">
              <a:extLst>
                <a:ext uri="{FF2B5EF4-FFF2-40B4-BE49-F238E27FC236}">
                  <a16:creationId xmlns:a16="http://schemas.microsoft.com/office/drawing/2014/main" id="{B983D725-9822-46DD-8CD5-54531CAF8C46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9" name="Freeform 10">
              <a:extLst>
                <a:ext uri="{FF2B5EF4-FFF2-40B4-BE49-F238E27FC236}">
                  <a16:creationId xmlns:a16="http://schemas.microsoft.com/office/drawing/2014/main" id="{4CC97943-BF3A-4904-AD5E-6CFC9FD87EAA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0" name="Freeform 10">
              <a:extLst>
                <a:ext uri="{FF2B5EF4-FFF2-40B4-BE49-F238E27FC236}">
                  <a16:creationId xmlns:a16="http://schemas.microsoft.com/office/drawing/2014/main" id="{D3B185A1-AEB4-48E4-A650-C4E852BDB08F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1" name="Freeform 11">
              <a:extLst>
                <a:ext uri="{FF2B5EF4-FFF2-40B4-BE49-F238E27FC236}">
                  <a16:creationId xmlns:a16="http://schemas.microsoft.com/office/drawing/2014/main" id="{F77586AC-5A01-4830-952E-837A7F96ED42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22" name="Freeform 5">
            <a:extLst>
              <a:ext uri="{FF2B5EF4-FFF2-40B4-BE49-F238E27FC236}">
                <a16:creationId xmlns:a16="http://schemas.microsoft.com/office/drawing/2014/main" id="{7236D2EB-FA01-4115-A656-FC7504634465}"/>
              </a:ext>
            </a:extLst>
          </p:cNvPr>
          <p:cNvSpPr>
            <a:spLocks noChangeAspect="1" noEditPoints="1"/>
          </p:cNvSpPr>
          <p:nvPr userDrawn="1"/>
        </p:nvSpPr>
        <p:spPr bwMode="auto">
          <a:xfrm>
            <a:off x="548640" y="858794"/>
            <a:ext cx="3941064" cy="312470"/>
          </a:xfrm>
          <a:custGeom>
            <a:avLst/>
            <a:gdLst>
              <a:gd name="T0" fmla="*/ 557 w 2065"/>
              <a:gd name="T1" fmla="*/ 102 h 161"/>
              <a:gd name="T2" fmla="*/ 510 w 2065"/>
              <a:gd name="T3" fmla="*/ 76 h 161"/>
              <a:gd name="T4" fmla="*/ 583 w 2065"/>
              <a:gd name="T5" fmla="*/ 36 h 161"/>
              <a:gd name="T6" fmla="*/ 641 w 2065"/>
              <a:gd name="T7" fmla="*/ 34 h 161"/>
              <a:gd name="T8" fmla="*/ 2038 w 2065"/>
              <a:gd name="T9" fmla="*/ 1 h 161"/>
              <a:gd name="T10" fmla="*/ 706 w 2065"/>
              <a:gd name="T11" fmla="*/ 59 h 161"/>
              <a:gd name="T12" fmla="*/ 733 w 2065"/>
              <a:gd name="T13" fmla="*/ 100 h 161"/>
              <a:gd name="T14" fmla="*/ 1999 w 2065"/>
              <a:gd name="T15" fmla="*/ 132 h 161"/>
              <a:gd name="T16" fmla="*/ 760 w 2065"/>
              <a:gd name="T17" fmla="*/ 84 h 161"/>
              <a:gd name="T18" fmla="*/ 787 w 2065"/>
              <a:gd name="T19" fmla="*/ 93 h 161"/>
              <a:gd name="T20" fmla="*/ 828 w 2065"/>
              <a:gd name="T21" fmla="*/ 76 h 161"/>
              <a:gd name="T22" fmla="*/ 133 w 2065"/>
              <a:gd name="T23" fmla="*/ 36 h 161"/>
              <a:gd name="T24" fmla="*/ 166 w 2065"/>
              <a:gd name="T25" fmla="*/ 78 h 161"/>
              <a:gd name="T26" fmla="*/ 225 w 2065"/>
              <a:gd name="T27" fmla="*/ 132 h 161"/>
              <a:gd name="T28" fmla="*/ 32 w 2065"/>
              <a:gd name="T29" fmla="*/ 40 h 161"/>
              <a:gd name="T30" fmla="*/ 5 w 2065"/>
              <a:gd name="T31" fmla="*/ 43 h 161"/>
              <a:gd name="T32" fmla="*/ 0 w 2065"/>
              <a:gd name="T33" fmla="*/ 114 h 161"/>
              <a:gd name="T34" fmla="*/ 266 w 2065"/>
              <a:gd name="T35" fmla="*/ 43 h 161"/>
              <a:gd name="T36" fmla="*/ 258 w 2065"/>
              <a:gd name="T37" fmla="*/ 104 h 161"/>
              <a:gd name="T38" fmla="*/ 347 w 2065"/>
              <a:gd name="T39" fmla="*/ 76 h 161"/>
              <a:gd name="T40" fmla="*/ 285 w 2065"/>
              <a:gd name="T41" fmla="*/ 103 h 161"/>
              <a:gd name="T42" fmla="*/ 429 w 2065"/>
              <a:gd name="T43" fmla="*/ 36 h 161"/>
              <a:gd name="T44" fmla="*/ 479 w 2065"/>
              <a:gd name="T45" fmla="*/ 128 h 161"/>
              <a:gd name="T46" fmla="*/ 479 w 2065"/>
              <a:gd name="T47" fmla="*/ 36 h 161"/>
              <a:gd name="T48" fmla="*/ 354 w 2065"/>
              <a:gd name="T49" fmla="*/ 132 h 161"/>
              <a:gd name="T50" fmla="*/ 382 w 2065"/>
              <a:gd name="T51" fmla="*/ 55 h 161"/>
              <a:gd name="T52" fmla="*/ 1387 w 2065"/>
              <a:gd name="T53" fmla="*/ 84 h 161"/>
              <a:gd name="T54" fmla="*/ 1335 w 2065"/>
              <a:gd name="T55" fmla="*/ 58 h 161"/>
              <a:gd name="T56" fmla="*/ 1834 w 2065"/>
              <a:gd name="T57" fmla="*/ 132 h 161"/>
              <a:gd name="T58" fmla="*/ 1748 w 2065"/>
              <a:gd name="T59" fmla="*/ 34 h 161"/>
              <a:gd name="T60" fmla="*/ 1748 w 2065"/>
              <a:gd name="T61" fmla="*/ 34 h 161"/>
              <a:gd name="T62" fmla="*/ 1773 w 2065"/>
              <a:gd name="T63" fmla="*/ 84 h 161"/>
              <a:gd name="T64" fmla="*/ 1465 w 2065"/>
              <a:gd name="T65" fmla="*/ 109 h 161"/>
              <a:gd name="T66" fmla="*/ 1480 w 2065"/>
              <a:gd name="T67" fmla="*/ 148 h 161"/>
              <a:gd name="T68" fmla="*/ 1442 w 2065"/>
              <a:gd name="T69" fmla="*/ 102 h 161"/>
              <a:gd name="T70" fmla="*/ 1675 w 2065"/>
              <a:gd name="T71" fmla="*/ 37 h 161"/>
              <a:gd name="T72" fmla="*/ 1655 w 2065"/>
              <a:gd name="T73" fmla="*/ 7 h 161"/>
              <a:gd name="T74" fmla="*/ 1648 w 2065"/>
              <a:gd name="T75" fmla="*/ 132 h 161"/>
              <a:gd name="T76" fmla="*/ 1526 w 2065"/>
              <a:gd name="T77" fmla="*/ 36 h 161"/>
              <a:gd name="T78" fmla="*/ 1528 w 2065"/>
              <a:gd name="T79" fmla="*/ 161 h 161"/>
              <a:gd name="T80" fmla="*/ 980 w 2065"/>
              <a:gd name="T81" fmla="*/ 49 h 161"/>
              <a:gd name="T82" fmla="*/ 997 w 2065"/>
              <a:gd name="T83" fmla="*/ 59 h 161"/>
              <a:gd name="T84" fmla="*/ 1250 w 2065"/>
              <a:gd name="T85" fmla="*/ 132 h 161"/>
              <a:gd name="T86" fmla="*/ 1075 w 2065"/>
              <a:gd name="T87" fmla="*/ 49 h 161"/>
              <a:gd name="T88" fmla="*/ 1092 w 2065"/>
              <a:gd name="T89" fmla="*/ 59 h 161"/>
              <a:gd name="T90" fmla="*/ 910 w 2065"/>
              <a:gd name="T91" fmla="*/ 111 h 161"/>
              <a:gd name="T92" fmla="*/ 909 w 2065"/>
              <a:gd name="T93" fmla="*/ 34 h 161"/>
              <a:gd name="T94" fmla="*/ 910 w 2065"/>
              <a:gd name="T95" fmla="*/ 111 h 161"/>
              <a:gd name="T96" fmla="*/ 1962 w 2065"/>
              <a:gd name="T97" fmla="*/ 77 h 161"/>
              <a:gd name="T98" fmla="*/ 1962 w 2065"/>
              <a:gd name="T99" fmla="*/ 132 h 161"/>
              <a:gd name="T100" fmla="*/ 1941 w 2065"/>
              <a:gd name="T101" fmla="*/ 115 h 161"/>
              <a:gd name="T102" fmla="*/ 1193 w 2065"/>
              <a:gd name="T103" fmla="*/ 34 h 161"/>
              <a:gd name="T104" fmla="*/ 1193 w 2065"/>
              <a:gd name="T105" fmla="*/ 34 h 161"/>
              <a:gd name="T106" fmla="*/ 1218 w 2065"/>
              <a:gd name="T107" fmla="*/ 84 h 161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  <a:cxn ang="0">
                <a:pos x="T16" y="T17"/>
              </a:cxn>
              <a:cxn ang="0">
                <a:pos x="T18" y="T19"/>
              </a:cxn>
              <a:cxn ang="0">
                <a:pos x="T20" y="T21"/>
              </a:cxn>
              <a:cxn ang="0">
                <a:pos x="T22" y="T23"/>
              </a:cxn>
              <a:cxn ang="0">
                <a:pos x="T24" y="T25"/>
              </a:cxn>
              <a:cxn ang="0">
                <a:pos x="T26" y="T27"/>
              </a:cxn>
              <a:cxn ang="0">
                <a:pos x="T28" y="T29"/>
              </a:cxn>
              <a:cxn ang="0">
                <a:pos x="T30" y="T31"/>
              </a:cxn>
              <a:cxn ang="0">
                <a:pos x="T32" y="T33"/>
              </a:cxn>
              <a:cxn ang="0">
                <a:pos x="T34" y="T35"/>
              </a:cxn>
              <a:cxn ang="0">
                <a:pos x="T36" y="T37"/>
              </a:cxn>
              <a:cxn ang="0">
                <a:pos x="T38" y="T39"/>
              </a:cxn>
              <a:cxn ang="0">
                <a:pos x="T40" y="T41"/>
              </a:cxn>
              <a:cxn ang="0">
                <a:pos x="T42" y="T43"/>
              </a:cxn>
              <a:cxn ang="0">
                <a:pos x="T44" y="T45"/>
              </a:cxn>
              <a:cxn ang="0">
                <a:pos x="T46" y="T47"/>
              </a:cxn>
              <a:cxn ang="0">
                <a:pos x="T48" y="T49"/>
              </a:cxn>
              <a:cxn ang="0">
                <a:pos x="T50" y="T51"/>
              </a:cxn>
              <a:cxn ang="0">
                <a:pos x="T52" y="T53"/>
              </a:cxn>
              <a:cxn ang="0">
                <a:pos x="T54" y="T55"/>
              </a:cxn>
              <a:cxn ang="0">
                <a:pos x="T56" y="T57"/>
              </a:cxn>
              <a:cxn ang="0">
                <a:pos x="T58" y="T59"/>
              </a:cxn>
              <a:cxn ang="0">
                <a:pos x="T60" y="T61"/>
              </a:cxn>
              <a:cxn ang="0">
                <a:pos x="T62" y="T63"/>
              </a:cxn>
              <a:cxn ang="0">
                <a:pos x="T64" y="T65"/>
              </a:cxn>
              <a:cxn ang="0">
                <a:pos x="T66" y="T67"/>
              </a:cxn>
              <a:cxn ang="0">
                <a:pos x="T68" y="T69"/>
              </a:cxn>
              <a:cxn ang="0">
                <a:pos x="T70" y="T71"/>
              </a:cxn>
              <a:cxn ang="0">
                <a:pos x="T72" y="T73"/>
              </a:cxn>
              <a:cxn ang="0">
                <a:pos x="T74" y="T75"/>
              </a:cxn>
              <a:cxn ang="0">
                <a:pos x="T76" y="T77"/>
              </a:cxn>
              <a:cxn ang="0">
                <a:pos x="T78" y="T79"/>
              </a:cxn>
              <a:cxn ang="0">
                <a:pos x="T80" y="T81"/>
              </a:cxn>
              <a:cxn ang="0">
                <a:pos x="T82" y="T83"/>
              </a:cxn>
              <a:cxn ang="0">
                <a:pos x="T84" y="T85"/>
              </a:cxn>
              <a:cxn ang="0">
                <a:pos x="T86" y="T87"/>
              </a:cxn>
              <a:cxn ang="0">
                <a:pos x="T88" y="T89"/>
              </a:cxn>
              <a:cxn ang="0">
                <a:pos x="T90" y="T91"/>
              </a:cxn>
              <a:cxn ang="0">
                <a:pos x="T92" y="T93"/>
              </a:cxn>
              <a:cxn ang="0">
                <a:pos x="T94" y="T95"/>
              </a:cxn>
              <a:cxn ang="0">
                <a:pos x="T96" y="T97"/>
              </a:cxn>
              <a:cxn ang="0">
                <a:pos x="T98" y="T99"/>
              </a:cxn>
              <a:cxn ang="0">
                <a:pos x="T100" y="T101"/>
              </a:cxn>
              <a:cxn ang="0">
                <a:pos x="T102" y="T103"/>
              </a:cxn>
              <a:cxn ang="0">
                <a:pos x="T104" y="T105"/>
              </a:cxn>
              <a:cxn ang="0">
                <a:pos x="T106" y="T107"/>
              </a:cxn>
            </a:cxnLst>
            <a:rect l="0" t="0" r="r" b="b"/>
            <a:pathLst>
              <a:path w="2065" h="161">
                <a:moveTo>
                  <a:pt x="530" y="34"/>
                </a:moveTo>
                <a:cubicBezTo>
                  <a:pt x="502" y="34"/>
                  <a:pt x="483" y="57"/>
                  <a:pt x="483" y="84"/>
                </a:cubicBezTo>
                <a:cubicBezTo>
                  <a:pt x="483" y="84"/>
                  <a:pt x="483" y="84"/>
                  <a:pt x="483" y="84"/>
                </a:cubicBezTo>
                <a:cubicBezTo>
                  <a:pt x="483" y="114"/>
                  <a:pt x="504" y="134"/>
                  <a:pt x="533" y="134"/>
                </a:cubicBezTo>
                <a:cubicBezTo>
                  <a:pt x="551" y="134"/>
                  <a:pt x="563" y="127"/>
                  <a:pt x="572" y="116"/>
                </a:cubicBezTo>
                <a:cubicBezTo>
                  <a:pt x="557" y="102"/>
                  <a:pt x="557" y="102"/>
                  <a:pt x="557" y="102"/>
                </a:cubicBezTo>
                <a:cubicBezTo>
                  <a:pt x="549" y="109"/>
                  <a:pt x="543" y="112"/>
                  <a:pt x="533" y="112"/>
                </a:cubicBezTo>
                <a:cubicBezTo>
                  <a:pt x="521" y="112"/>
                  <a:pt x="513" y="106"/>
                  <a:pt x="510" y="93"/>
                </a:cubicBezTo>
                <a:cubicBezTo>
                  <a:pt x="577" y="93"/>
                  <a:pt x="577" y="93"/>
                  <a:pt x="577" y="93"/>
                </a:cubicBezTo>
                <a:cubicBezTo>
                  <a:pt x="577" y="91"/>
                  <a:pt x="577" y="88"/>
                  <a:pt x="577" y="86"/>
                </a:cubicBezTo>
                <a:cubicBezTo>
                  <a:pt x="577" y="59"/>
                  <a:pt x="563" y="34"/>
                  <a:pt x="530" y="34"/>
                </a:cubicBezTo>
                <a:close/>
                <a:moveTo>
                  <a:pt x="510" y="76"/>
                </a:moveTo>
                <a:cubicBezTo>
                  <a:pt x="512" y="64"/>
                  <a:pt x="519" y="56"/>
                  <a:pt x="530" y="56"/>
                </a:cubicBezTo>
                <a:cubicBezTo>
                  <a:pt x="542" y="56"/>
                  <a:pt x="549" y="64"/>
                  <a:pt x="551" y="76"/>
                </a:cubicBezTo>
                <a:lnTo>
                  <a:pt x="510" y="76"/>
                </a:lnTo>
                <a:close/>
                <a:moveTo>
                  <a:pt x="610" y="55"/>
                </a:moveTo>
                <a:cubicBezTo>
                  <a:pt x="610" y="36"/>
                  <a:pt x="610" y="36"/>
                  <a:pt x="610" y="36"/>
                </a:cubicBezTo>
                <a:cubicBezTo>
                  <a:pt x="583" y="36"/>
                  <a:pt x="583" y="36"/>
                  <a:pt x="583" y="36"/>
                </a:cubicBezTo>
                <a:cubicBezTo>
                  <a:pt x="583" y="132"/>
                  <a:pt x="583" y="132"/>
                  <a:pt x="583" y="132"/>
                </a:cubicBezTo>
                <a:cubicBezTo>
                  <a:pt x="610" y="132"/>
                  <a:pt x="610" y="132"/>
                  <a:pt x="610" y="132"/>
                </a:cubicBezTo>
                <a:cubicBezTo>
                  <a:pt x="610" y="97"/>
                  <a:pt x="610" y="97"/>
                  <a:pt x="610" y="97"/>
                </a:cubicBezTo>
                <a:cubicBezTo>
                  <a:pt x="610" y="74"/>
                  <a:pt x="621" y="63"/>
                  <a:pt x="640" y="63"/>
                </a:cubicBezTo>
                <a:cubicBezTo>
                  <a:pt x="641" y="63"/>
                  <a:pt x="641" y="63"/>
                  <a:pt x="641" y="63"/>
                </a:cubicBezTo>
                <a:cubicBezTo>
                  <a:pt x="641" y="34"/>
                  <a:pt x="641" y="34"/>
                  <a:pt x="641" y="34"/>
                </a:cubicBezTo>
                <a:cubicBezTo>
                  <a:pt x="625" y="33"/>
                  <a:pt x="616" y="42"/>
                  <a:pt x="610" y="55"/>
                </a:cubicBezTo>
                <a:close/>
                <a:moveTo>
                  <a:pt x="2038" y="1"/>
                </a:moveTo>
                <a:cubicBezTo>
                  <a:pt x="2038" y="132"/>
                  <a:pt x="2038" y="132"/>
                  <a:pt x="2038" y="132"/>
                </a:cubicBezTo>
                <a:cubicBezTo>
                  <a:pt x="2065" y="132"/>
                  <a:pt x="2065" y="132"/>
                  <a:pt x="2065" y="132"/>
                </a:cubicBezTo>
                <a:cubicBezTo>
                  <a:pt x="2065" y="1"/>
                  <a:pt x="2065" y="1"/>
                  <a:pt x="2065" y="1"/>
                </a:cubicBezTo>
                <a:lnTo>
                  <a:pt x="2038" y="1"/>
                </a:lnTo>
                <a:close/>
                <a:moveTo>
                  <a:pt x="733" y="11"/>
                </a:moveTo>
                <a:cubicBezTo>
                  <a:pt x="706" y="11"/>
                  <a:pt x="706" y="11"/>
                  <a:pt x="706" y="11"/>
                </a:cubicBezTo>
                <a:cubicBezTo>
                  <a:pt x="706" y="36"/>
                  <a:pt x="706" y="36"/>
                  <a:pt x="706" y="36"/>
                </a:cubicBezTo>
                <a:cubicBezTo>
                  <a:pt x="694" y="36"/>
                  <a:pt x="694" y="36"/>
                  <a:pt x="694" y="36"/>
                </a:cubicBezTo>
                <a:cubicBezTo>
                  <a:pt x="694" y="59"/>
                  <a:pt x="694" y="59"/>
                  <a:pt x="694" y="59"/>
                </a:cubicBezTo>
                <a:cubicBezTo>
                  <a:pt x="706" y="59"/>
                  <a:pt x="706" y="59"/>
                  <a:pt x="706" y="59"/>
                </a:cubicBezTo>
                <a:cubicBezTo>
                  <a:pt x="706" y="105"/>
                  <a:pt x="706" y="105"/>
                  <a:pt x="706" y="105"/>
                </a:cubicBezTo>
                <a:cubicBezTo>
                  <a:pt x="706" y="127"/>
                  <a:pt x="717" y="134"/>
                  <a:pt x="734" y="134"/>
                </a:cubicBezTo>
                <a:cubicBezTo>
                  <a:pt x="743" y="134"/>
                  <a:pt x="750" y="132"/>
                  <a:pt x="755" y="128"/>
                </a:cubicBezTo>
                <a:cubicBezTo>
                  <a:pt x="755" y="106"/>
                  <a:pt x="755" y="106"/>
                  <a:pt x="755" y="106"/>
                </a:cubicBezTo>
                <a:cubicBezTo>
                  <a:pt x="752" y="108"/>
                  <a:pt x="747" y="110"/>
                  <a:pt x="742" y="110"/>
                </a:cubicBezTo>
                <a:cubicBezTo>
                  <a:pt x="736" y="110"/>
                  <a:pt x="733" y="107"/>
                  <a:pt x="733" y="100"/>
                </a:cubicBezTo>
                <a:cubicBezTo>
                  <a:pt x="733" y="59"/>
                  <a:pt x="733" y="59"/>
                  <a:pt x="733" y="59"/>
                </a:cubicBezTo>
                <a:cubicBezTo>
                  <a:pt x="756" y="59"/>
                  <a:pt x="756" y="59"/>
                  <a:pt x="756" y="59"/>
                </a:cubicBezTo>
                <a:cubicBezTo>
                  <a:pt x="756" y="36"/>
                  <a:pt x="756" y="36"/>
                  <a:pt x="756" y="36"/>
                </a:cubicBezTo>
                <a:cubicBezTo>
                  <a:pt x="733" y="36"/>
                  <a:pt x="733" y="36"/>
                  <a:pt x="733" y="36"/>
                </a:cubicBezTo>
                <a:lnTo>
                  <a:pt x="733" y="11"/>
                </a:lnTo>
                <a:close/>
                <a:moveTo>
                  <a:pt x="1999" y="132"/>
                </a:moveTo>
                <a:cubicBezTo>
                  <a:pt x="2027" y="132"/>
                  <a:pt x="2027" y="132"/>
                  <a:pt x="2027" y="132"/>
                </a:cubicBezTo>
                <a:cubicBezTo>
                  <a:pt x="2027" y="1"/>
                  <a:pt x="2027" y="1"/>
                  <a:pt x="2027" y="1"/>
                </a:cubicBezTo>
                <a:cubicBezTo>
                  <a:pt x="1999" y="1"/>
                  <a:pt x="1999" y="1"/>
                  <a:pt x="1999" y="1"/>
                </a:cubicBezTo>
                <a:lnTo>
                  <a:pt x="1999" y="132"/>
                </a:lnTo>
                <a:close/>
                <a:moveTo>
                  <a:pt x="807" y="34"/>
                </a:moveTo>
                <a:cubicBezTo>
                  <a:pt x="779" y="34"/>
                  <a:pt x="760" y="57"/>
                  <a:pt x="760" y="84"/>
                </a:cubicBezTo>
                <a:cubicBezTo>
                  <a:pt x="760" y="84"/>
                  <a:pt x="760" y="84"/>
                  <a:pt x="760" y="84"/>
                </a:cubicBezTo>
                <a:cubicBezTo>
                  <a:pt x="760" y="114"/>
                  <a:pt x="781" y="134"/>
                  <a:pt x="810" y="134"/>
                </a:cubicBezTo>
                <a:cubicBezTo>
                  <a:pt x="827" y="134"/>
                  <a:pt x="840" y="127"/>
                  <a:pt x="849" y="116"/>
                </a:cubicBezTo>
                <a:cubicBezTo>
                  <a:pt x="834" y="102"/>
                  <a:pt x="834" y="102"/>
                  <a:pt x="834" y="102"/>
                </a:cubicBezTo>
                <a:cubicBezTo>
                  <a:pt x="826" y="109"/>
                  <a:pt x="820" y="112"/>
                  <a:pt x="810" y="112"/>
                </a:cubicBezTo>
                <a:cubicBezTo>
                  <a:pt x="798" y="112"/>
                  <a:pt x="790" y="106"/>
                  <a:pt x="787" y="93"/>
                </a:cubicBezTo>
                <a:cubicBezTo>
                  <a:pt x="854" y="93"/>
                  <a:pt x="854" y="93"/>
                  <a:pt x="854" y="93"/>
                </a:cubicBezTo>
                <a:cubicBezTo>
                  <a:pt x="854" y="91"/>
                  <a:pt x="854" y="88"/>
                  <a:pt x="854" y="86"/>
                </a:cubicBezTo>
                <a:cubicBezTo>
                  <a:pt x="854" y="59"/>
                  <a:pt x="839" y="34"/>
                  <a:pt x="807" y="34"/>
                </a:cubicBezTo>
                <a:close/>
                <a:moveTo>
                  <a:pt x="787" y="76"/>
                </a:moveTo>
                <a:cubicBezTo>
                  <a:pt x="789" y="64"/>
                  <a:pt x="796" y="56"/>
                  <a:pt x="807" y="56"/>
                </a:cubicBezTo>
                <a:cubicBezTo>
                  <a:pt x="819" y="56"/>
                  <a:pt x="826" y="64"/>
                  <a:pt x="828" y="76"/>
                </a:cubicBezTo>
                <a:lnTo>
                  <a:pt x="787" y="76"/>
                </a:lnTo>
                <a:close/>
                <a:moveTo>
                  <a:pt x="220" y="34"/>
                </a:moveTo>
                <a:cubicBezTo>
                  <a:pt x="207" y="34"/>
                  <a:pt x="197" y="39"/>
                  <a:pt x="189" y="49"/>
                </a:cubicBezTo>
                <a:cubicBezTo>
                  <a:pt x="184" y="40"/>
                  <a:pt x="174" y="34"/>
                  <a:pt x="161" y="34"/>
                </a:cubicBezTo>
                <a:cubicBezTo>
                  <a:pt x="148" y="34"/>
                  <a:pt x="139" y="41"/>
                  <a:pt x="133" y="50"/>
                </a:cubicBezTo>
                <a:cubicBezTo>
                  <a:pt x="133" y="36"/>
                  <a:pt x="133" y="36"/>
                  <a:pt x="133" y="36"/>
                </a:cubicBezTo>
                <a:cubicBezTo>
                  <a:pt x="106" y="36"/>
                  <a:pt x="106" y="36"/>
                  <a:pt x="106" y="36"/>
                </a:cubicBezTo>
                <a:cubicBezTo>
                  <a:pt x="106" y="132"/>
                  <a:pt x="106" y="132"/>
                  <a:pt x="106" y="132"/>
                </a:cubicBezTo>
                <a:cubicBezTo>
                  <a:pt x="133" y="132"/>
                  <a:pt x="133" y="132"/>
                  <a:pt x="133" y="132"/>
                </a:cubicBezTo>
                <a:cubicBezTo>
                  <a:pt x="133" y="78"/>
                  <a:pt x="133" y="78"/>
                  <a:pt x="133" y="78"/>
                </a:cubicBezTo>
                <a:cubicBezTo>
                  <a:pt x="133" y="65"/>
                  <a:pt x="139" y="59"/>
                  <a:pt x="150" y="59"/>
                </a:cubicBezTo>
                <a:cubicBezTo>
                  <a:pt x="160" y="59"/>
                  <a:pt x="166" y="65"/>
                  <a:pt x="166" y="78"/>
                </a:cubicBezTo>
                <a:cubicBezTo>
                  <a:pt x="166" y="132"/>
                  <a:pt x="166" y="132"/>
                  <a:pt x="166" y="132"/>
                </a:cubicBezTo>
                <a:cubicBezTo>
                  <a:pt x="193" y="132"/>
                  <a:pt x="193" y="132"/>
                  <a:pt x="193" y="132"/>
                </a:cubicBezTo>
                <a:cubicBezTo>
                  <a:pt x="193" y="78"/>
                  <a:pt x="193" y="78"/>
                  <a:pt x="193" y="78"/>
                </a:cubicBezTo>
                <a:cubicBezTo>
                  <a:pt x="193" y="65"/>
                  <a:pt x="199" y="59"/>
                  <a:pt x="209" y="59"/>
                </a:cubicBezTo>
                <a:cubicBezTo>
                  <a:pt x="220" y="59"/>
                  <a:pt x="225" y="65"/>
                  <a:pt x="225" y="78"/>
                </a:cubicBezTo>
                <a:cubicBezTo>
                  <a:pt x="225" y="132"/>
                  <a:pt x="225" y="132"/>
                  <a:pt x="225" y="132"/>
                </a:cubicBezTo>
                <a:cubicBezTo>
                  <a:pt x="253" y="132"/>
                  <a:pt x="253" y="132"/>
                  <a:pt x="253" y="132"/>
                </a:cubicBezTo>
                <a:cubicBezTo>
                  <a:pt x="253" y="69"/>
                  <a:pt x="253" y="69"/>
                  <a:pt x="253" y="69"/>
                </a:cubicBezTo>
                <a:cubicBezTo>
                  <a:pt x="253" y="46"/>
                  <a:pt x="240" y="34"/>
                  <a:pt x="220" y="34"/>
                </a:cubicBezTo>
                <a:close/>
                <a:moveTo>
                  <a:pt x="59" y="57"/>
                </a:moveTo>
                <a:cubicBezTo>
                  <a:pt x="38" y="51"/>
                  <a:pt x="32" y="49"/>
                  <a:pt x="32" y="40"/>
                </a:cubicBezTo>
                <a:cubicBezTo>
                  <a:pt x="32" y="40"/>
                  <a:pt x="32" y="40"/>
                  <a:pt x="32" y="40"/>
                </a:cubicBezTo>
                <a:cubicBezTo>
                  <a:pt x="32" y="34"/>
                  <a:pt x="38" y="29"/>
                  <a:pt x="48" y="29"/>
                </a:cubicBezTo>
                <a:cubicBezTo>
                  <a:pt x="59" y="29"/>
                  <a:pt x="70" y="34"/>
                  <a:pt x="81" y="41"/>
                </a:cubicBezTo>
                <a:cubicBezTo>
                  <a:pt x="95" y="21"/>
                  <a:pt x="95" y="21"/>
                  <a:pt x="95" y="21"/>
                </a:cubicBezTo>
                <a:cubicBezTo>
                  <a:pt x="83" y="10"/>
                  <a:pt x="67" y="5"/>
                  <a:pt x="49" y="5"/>
                </a:cubicBezTo>
                <a:cubicBezTo>
                  <a:pt x="23" y="5"/>
                  <a:pt x="5" y="20"/>
                  <a:pt x="5" y="43"/>
                </a:cubicBezTo>
                <a:cubicBezTo>
                  <a:pt x="5" y="43"/>
                  <a:pt x="5" y="43"/>
                  <a:pt x="5" y="43"/>
                </a:cubicBezTo>
                <a:cubicBezTo>
                  <a:pt x="5" y="68"/>
                  <a:pt x="21" y="75"/>
                  <a:pt x="46" y="81"/>
                </a:cubicBezTo>
                <a:cubicBezTo>
                  <a:pt x="67" y="87"/>
                  <a:pt x="72" y="90"/>
                  <a:pt x="72" y="97"/>
                </a:cubicBezTo>
                <a:cubicBezTo>
                  <a:pt x="72" y="98"/>
                  <a:pt x="72" y="98"/>
                  <a:pt x="72" y="98"/>
                </a:cubicBezTo>
                <a:cubicBezTo>
                  <a:pt x="72" y="105"/>
                  <a:pt x="65" y="109"/>
                  <a:pt x="54" y="109"/>
                </a:cubicBezTo>
                <a:cubicBezTo>
                  <a:pt x="39" y="109"/>
                  <a:pt x="27" y="104"/>
                  <a:pt x="16" y="94"/>
                </a:cubicBezTo>
                <a:cubicBezTo>
                  <a:pt x="0" y="114"/>
                  <a:pt x="0" y="114"/>
                  <a:pt x="0" y="114"/>
                </a:cubicBezTo>
                <a:cubicBezTo>
                  <a:pt x="15" y="127"/>
                  <a:pt x="34" y="134"/>
                  <a:pt x="53" y="134"/>
                </a:cubicBezTo>
                <a:cubicBezTo>
                  <a:pt x="80" y="134"/>
                  <a:pt x="99" y="120"/>
                  <a:pt x="99" y="95"/>
                </a:cubicBezTo>
                <a:cubicBezTo>
                  <a:pt x="99" y="95"/>
                  <a:pt x="99" y="95"/>
                  <a:pt x="99" y="95"/>
                </a:cubicBezTo>
                <a:cubicBezTo>
                  <a:pt x="99" y="73"/>
                  <a:pt x="85" y="63"/>
                  <a:pt x="59" y="57"/>
                </a:cubicBezTo>
                <a:close/>
                <a:moveTo>
                  <a:pt x="304" y="35"/>
                </a:moveTo>
                <a:cubicBezTo>
                  <a:pt x="287" y="35"/>
                  <a:pt x="277" y="38"/>
                  <a:pt x="266" y="43"/>
                </a:cubicBezTo>
                <a:cubicBezTo>
                  <a:pt x="273" y="63"/>
                  <a:pt x="273" y="63"/>
                  <a:pt x="273" y="63"/>
                </a:cubicBezTo>
                <a:cubicBezTo>
                  <a:pt x="282" y="60"/>
                  <a:pt x="289" y="58"/>
                  <a:pt x="300" y="58"/>
                </a:cubicBezTo>
                <a:cubicBezTo>
                  <a:pt x="313" y="58"/>
                  <a:pt x="320" y="64"/>
                  <a:pt x="320" y="76"/>
                </a:cubicBezTo>
                <a:cubicBezTo>
                  <a:pt x="320" y="77"/>
                  <a:pt x="320" y="77"/>
                  <a:pt x="320" y="77"/>
                </a:cubicBezTo>
                <a:cubicBezTo>
                  <a:pt x="314" y="75"/>
                  <a:pt x="307" y="73"/>
                  <a:pt x="297" y="73"/>
                </a:cubicBezTo>
                <a:cubicBezTo>
                  <a:pt x="274" y="73"/>
                  <a:pt x="258" y="83"/>
                  <a:pt x="258" y="104"/>
                </a:cubicBezTo>
                <a:cubicBezTo>
                  <a:pt x="258" y="104"/>
                  <a:pt x="258" y="104"/>
                  <a:pt x="258" y="104"/>
                </a:cubicBezTo>
                <a:cubicBezTo>
                  <a:pt x="258" y="123"/>
                  <a:pt x="273" y="134"/>
                  <a:pt x="291" y="134"/>
                </a:cubicBezTo>
                <a:cubicBezTo>
                  <a:pt x="304" y="134"/>
                  <a:pt x="314" y="129"/>
                  <a:pt x="320" y="122"/>
                </a:cubicBezTo>
                <a:cubicBezTo>
                  <a:pt x="320" y="132"/>
                  <a:pt x="320" y="132"/>
                  <a:pt x="320" y="132"/>
                </a:cubicBezTo>
                <a:cubicBezTo>
                  <a:pt x="347" y="132"/>
                  <a:pt x="347" y="132"/>
                  <a:pt x="347" y="132"/>
                </a:cubicBezTo>
                <a:cubicBezTo>
                  <a:pt x="347" y="76"/>
                  <a:pt x="347" y="76"/>
                  <a:pt x="347" y="76"/>
                </a:cubicBezTo>
                <a:cubicBezTo>
                  <a:pt x="347" y="63"/>
                  <a:pt x="343" y="53"/>
                  <a:pt x="336" y="46"/>
                </a:cubicBezTo>
                <a:cubicBezTo>
                  <a:pt x="329" y="39"/>
                  <a:pt x="319" y="35"/>
                  <a:pt x="304" y="35"/>
                </a:cubicBezTo>
                <a:close/>
                <a:moveTo>
                  <a:pt x="321" y="98"/>
                </a:moveTo>
                <a:cubicBezTo>
                  <a:pt x="321" y="108"/>
                  <a:pt x="312" y="115"/>
                  <a:pt x="299" y="115"/>
                </a:cubicBezTo>
                <a:cubicBezTo>
                  <a:pt x="291" y="115"/>
                  <a:pt x="285" y="111"/>
                  <a:pt x="285" y="103"/>
                </a:cubicBezTo>
                <a:cubicBezTo>
                  <a:pt x="285" y="103"/>
                  <a:pt x="285" y="103"/>
                  <a:pt x="285" y="103"/>
                </a:cubicBezTo>
                <a:cubicBezTo>
                  <a:pt x="285" y="94"/>
                  <a:pt x="292" y="90"/>
                  <a:pt x="303" y="90"/>
                </a:cubicBezTo>
                <a:cubicBezTo>
                  <a:pt x="310" y="90"/>
                  <a:pt x="316" y="91"/>
                  <a:pt x="321" y="93"/>
                </a:cubicBezTo>
                <a:lnTo>
                  <a:pt x="321" y="98"/>
                </a:lnTo>
                <a:close/>
                <a:moveTo>
                  <a:pt x="457" y="11"/>
                </a:moveTo>
                <a:cubicBezTo>
                  <a:pt x="429" y="11"/>
                  <a:pt x="429" y="11"/>
                  <a:pt x="429" y="11"/>
                </a:cubicBezTo>
                <a:cubicBezTo>
                  <a:pt x="429" y="36"/>
                  <a:pt x="429" y="36"/>
                  <a:pt x="429" y="36"/>
                </a:cubicBezTo>
                <a:cubicBezTo>
                  <a:pt x="418" y="36"/>
                  <a:pt x="418" y="36"/>
                  <a:pt x="418" y="36"/>
                </a:cubicBezTo>
                <a:cubicBezTo>
                  <a:pt x="418" y="59"/>
                  <a:pt x="418" y="59"/>
                  <a:pt x="418" y="59"/>
                </a:cubicBezTo>
                <a:cubicBezTo>
                  <a:pt x="429" y="59"/>
                  <a:pt x="429" y="59"/>
                  <a:pt x="429" y="59"/>
                </a:cubicBezTo>
                <a:cubicBezTo>
                  <a:pt x="429" y="105"/>
                  <a:pt x="429" y="105"/>
                  <a:pt x="429" y="105"/>
                </a:cubicBezTo>
                <a:cubicBezTo>
                  <a:pt x="429" y="127"/>
                  <a:pt x="441" y="134"/>
                  <a:pt x="457" y="134"/>
                </a:cubicBezTo>
                <a:cubicBezTo>
                  <a:pt x="466" y="134"/>
                  <a:pt x="473" y="132"/>
                  <a:pt x="479" y="128"/>
                </a:cubicBezTo>
                <a:cubicBezTo>
                  <a:pt x="479" y="106"/>
                  <a:pt x="479" y="106"/>
                  <a:pt x="479" y="106"/>
                </a:cubicBezTo>
                <a:cubicBezTo>
                  <a:pt x="475" y="108"/>
                  <a:pt x="470" y="110"/>
                  <a:pt x="465" y="110"/>
                </a:cubicBezTo>
                <a:cubicBezTo>
                  <a:pt x="459" y="110"/>
                  <a:pt x="457" y="107"/>
                  <a:pt x="457" y="100"/>
                </a:cubicBezTo>
                <a:cubicBezTo>
                  <a:pt x="457" y="59"/>
                  <a:pt x="457" y="59"/>
                  <a:pt x="457" y="59"/>
                </a:cubicBezTo>
                <a:cubicBezTo>
                  <a:pt x="479" y="59"/>
                  <a:pt x="479" y="59"/>
                  <a:pt x="479" y="59"/>
                </a:cubicBezTo>
                <a:cubicBezTo>
                  <a:pt x="479" y="36"/>
                  <a:pt x="479" y="36"/>
                  <a:pt x="479" y="36"/>
                </a:cubicBezTo>
                <a:cubicBezTo>
                  <a:pt x="457" y="36"/>
                  <a:pt x="457" y="36"/>
                  <a:pt x="457" y="36"/>
                </a:cubicBezTo>
                <a:lnTo>
                  <a:pt x="457" y="11"/>
                </a:lnTo>
                <a:close/>
                <a:moveTo>
                  <a:pt x="382" y="55"/>
                </a:moveTo>
                <a:cubicBezTo>
                  <a:pt x="382" y="36"/>
                  <a:pt x="382" y="36"/>
                  <a:pt x="382" y="36"/>
                </a:cubicBezTo>
                <a:cubicBezTo>
                  <a:pt x="354" y="36"/>
                  <a:pt x="354" y="36"/>
                  <a:pt x="354" y="36"/>
                </a:cubicBezTo>
                <a:cubicBezTo>
                  <a:pt x="354" y="132"/>
                  <a:pt x="354" y="132"/>
                  <a:pt x="354" y="132"/>
                </a:cubicBezTo>
                <a:cubicBezTo>
                  <a:pt x="382" y="132"/>
                  <a:pt x="382" y="132"/>
                  <a:pt x="382" y="132"/>
                </a:cubicBezTo>
                <a:cubicBezTo>
                  <a:pt x="382" y="97"/>
                  <a:pt x="382" y="97"/>
                  <a:pt x="382" y="97"/>
                </a:cubicBezTo>
                <a:cubicBezTo>
                  <a:pt x="382" y="74"/>
                  <a:pt x="393" y="63"/>
                  <a:pt x="411" y="63"/>
                </a:cubicBezTo>
                <a:cubicBezTo>
                  <a:pt x="412" y="63"/>
                  <a:pt x="412" y="63"/>
                  <a:pt x="412" y="63"/>
                </a:cubicBezTo>
                <a:cubicBezTo>
                  <a:pt x="412" y="34"/>
                  <a:pt x="412" y="34"/>
                  <a:pt x="412" y="34"/>
                </a:cubicBezTo>
                <a:cubicBezTo>
                  <a:pt x="396" y="33"/>
                  <a:pt x="387" y="42"/>
                  <a:pt x="382" y="55"/>
                </a:cubicBezTo>
                <a:close/>
                <a:moveTo>
                  <a:pt x="1335" y="34"/>
                </a:moveTo>
                <a:cubicBezTo>
                  <a:pt x="1305" y="34"/>
                  <a:pt x="1283" y="56"/>
                  <a:pt x="1283" y="84"/>
                </a:cubicBezTo>
                <a:cubicBezTo>
                  <a:pt x="1283" y="84"/>
                  <a:pt x="1283" y="84"/>
                  <a:pt x="1283" y="84"/>
                </a:cubicBezTo>
                <a:cubicBezTo>
                  <a:pt x="1283" y="112"/>
                  <a:pt x="1305" y="134"/>
                  <a:pt x="1335" y="134"/>
                </a:cubicBezTo>
                <a:cubicBezTo>
                  <a:pt x="1365" y="134"/>
                  <a:pt x="1387" y="112"/>
                  <a:pt x="1387" y="84"/>
                </a:cubicBezTo>
                <a:cubicBezTo>
                  <a:pt x="1387" y="84"/>
                  <a:pt x="1387" y="84"/>
                  <a:pt x="1387" y="84"/>
                </a:cubicBezTo>
                <a:cubicBezTo>
                  <a:pt x="1387" y="56"/>
                  <a:pt x="1365" y="34"/>
                  <a:pt x="1335" y="34"/>
                </a:cubicBezTo>
                <a:close/>
                <a:moveTo>
                  <a:pt x="1360" y="84"/>
                </a:moveTo>
                <a:cubicBezTo>
                  <a:pt x="1360" y="99"/>
                  <a:pt x="1351" y="111"/>
                  <a:pt x="1335" y="111"/>
                </a:cubicBezTo>
                <a:cubicBezTo>
                  <a:pt x="1320" y="111"/>
                  <a:pt x="1310" y="98"/>
                  <a:pt x="1310" y="84"/>
                </a:cubicBezTo>
                <a:cubicBezTo>
                  <a:pt x="1310" y="84"/>
                  <a:pt x="1310" y="84"/>
                  <a:pt x="1310" y="84"/>
                </a:cubicBezTo>
                <a:cubicBezTo>
                  <a:pt x="1310" y="70"/>
                  <a:pt x="1319" y="58"/>
                  <a:pt x="1335" y="58"/>
                </a:cubicBezTo>
                <a:cubicBezTo>
                  <a:pt x="1350" y="58"/>
                  <a:pt x="1360" y="70"/>
                  <a:pt x="1360" y="84"/>
                </a:cubicBezTo>
                <a:close/>
                <a:moveTo>
                  <a:pt x="1834" y="55"/>
                </a:moveTo>
                <a:cubicBezTo>
                  <a:pt x="1834" y="36"/>
                  <a:pt x="1834" y="36"/>
                  <a:pt x="1834" y="36"/>
                </a:cubicBezTo>
                <a:cubicBezTo>
                  <a:pt x="1807" y="36"/>
                  <a:pt x="1807" y="36"/>
                  <a:pt x="1807" y="36"/>
                </a:cubicBezTo>
                <a:cubicBezTo>
                  <a:pt x="1807" y="132"/>
                  <a:pt x="1807" y="132"/>
                  <a:pt x="1807" y="132"/>
                </a:cubicBezTo>
                <a:cubicBezTo>
                  <a:pt x="1834" y="132"/>
                  <a:pt x="1834" y="132"/>
                  <a:pt x="1834" y="132"/>
                </a:cubicBezTo>
                <a:cubicBezTo>
                  <a:pt x="1834" y="97"/>
                  <a:pt x="1834" y="97"/>
                  <a:pt x="1834" y="97"/>
                </a:cubicBezTo>
                <a:cubicBezTo>
                  <a:pt x="1834" y="74"/>
                  <a:pt x="1845" y="63"/>
                  <a:pt x="1863" y="63"/>
                </a:cubicBezTo>
                <a:cubicBezTo>
                  <a:pt x="1865" y="63"/>
                  <a:pt x="1865" y="63"/>
                  <a:pt x="1865" y="63"/>
                </a:cubicBezTo>
                <a:cubicBezTo>
                  <a:pt x="1865" y="34"/>
                  <a:pt x="1865" y="34"/>
                  <a:pt x="1865" y="34"/>
                </a:cubicBezTo>
                <a:cubicBezTo>
                  <a:pt x="1848" y="33"/>
                  <a:pt x="1839" y="42"/>
                  <a:pt x="1834" y="55"/>
                </a:cubicBezTo>
                <a:close/>
                <a:moveTo>
                  <a:pt x="1748" y="34"/>
                </a:moveTo>
                <a:cubicBezTo>
                  <a:pt x="1718" y="34"/>
                  <a:pt x="1696" y="56"/>
                  <a:pt x="1696" y="84"/>
                </a:cubicBezTo>
                <a:cubicBezTo>
                  <a:pt x="1696" y="84"/>
                  <a:pt x="1696" y="84"/>
                  <a:pt x="1696" y="84"/>
                </a:cubicBezTo>
                <a:cubicBezTo>
                  <a:pt x="1696" y="112"/>
                  <a:pt x="1718" y="134"/>
                  <a:pt x="1748" y="134"/>
                </a:cubicBezTo>
                <a:cubicBezTo>
                  <a:pt x="1778" y="134"/>
                  <a:pt x="1800" y="112"/>
                  <a:pt x="1800" y="84"/>
                </a:cubicBezTo>
                <a:cubicBezTo>
                  <a:pt x="1800" y="84"/>
                  <a:pt x="1800" y="84"/>
                  <a:pt x="1800" y="84"/>
                </a:cubicBezTo>
                <a:cubicBezTo>
                  <a:pt x="1800" y="56"/>
                  <a:pt x="1778" y="34"/>
                  <a:pt x="1748" y="34"/>
                </a:cubicBezTo>
                <a:close/>
                <a:moveTo>
                  <a:pt x="1773" y="84"/>
                </a:moveTo>
                <a:cubicBezTo>
                  <a:pt x="1773" y="99"/>
                  <a:pt x="1764" y="111"/>
                  <a:pt x="1748" y="111"/>
                </a:cubicBezTo>
                <a:cubicBezTo>
                  <a:pt x="1733" y="111"/>
                  <a:pt x="1723" y="98"/>
                  <a:pt x="1723" y="84"/>
                </a:cubicBezTo>
                <a:cubicBezTo>
                  <a:pt x="1723" y="84"/>
                  <a:pt x="1723" y="84"/>
                  <a:pt x="1723" y="84"/>
                </a:cubicBezTo>
                <a:cubicBezTo>
                  <a:pt x="1723" y="70"/>
                  <a:pt x="1732" y="58"/>
                  <a:pt x="1748" y="58"/>
                </a:cubicBezTo>
                <a:cubicBezTo>
                  <a:pt x="1763" y="58"/>
                  <a:pt x="1773" y="70"/>
                  <a:pt x="1773" y="84"/>
                </a:cubicBezTo>
                <a:close/>
                <a:moveTo>
                  <a:pt x="1465" y="48"/>
                </a:moveTo>
                <a:cubicBezTo>
                  <a:pt x="1458" y="40"/>
                  <a:pt x="1449" y="34"/>
                  <a:pt x="1434" y="34"/>
                </a:cubicBezTo>
                <a:cubicBezTo>
                  <a:pt x="1412" y="34"/>
                  <a:pt x="1391" y="50"/>
                  <a:pt x="1391" y="79"/>
                </a:cubicBezTo>
                <a:cubicBezTo>
                  <a:pt x="1391" y="79"/>
                  <a:pt x="1391" y="79"/>
                  <a:pt x="1391" y="79"/>
                </a:cubicBezTo>
                <a:cubicBezTo>
                  <a:pt x="1391" y="108"/>
                  <a:pt x="1412" y="124"/>
                  <a:pt x="1434" y="124"/>
                </a:cubicBezTo>
                <a:cubicBezTo>
                  <a:pt x="1448" y="124"/>
                  <a:pt x="1457" y="118"/>
                  <a:pt x="1465" y="109"/>
                </a:cubicBezTo>
                <a:cubicBezTo>
                  <a:pt x="1465" y="113"/>
                  <a:pt x="1465" y="113"/>
                  <a:pt x="1465" y="113"/>
                </a:cubicBezTo>
                <a:cubicBezTo>
                  <a:pt x="1465" y="130"/>
                  <a:pt x="1457" y="139"/>
                  <a:pt x="1438" y="139"/>
                </a:cubicBezTo>
                <a:cubicBezTo>
                  <a:pt x="1425" y="139"/>
                  <a:pt x="1415" y="136"/>
                  <a:pt x="1405" y="131"/>
                </a:cubicBezTo>
                <a:cubicBezTo>
                  <a:pt x="1396" y="151"/>
                  <a:pt x="1396" y="151"/>
                  <a:pt x="1396" y="151"/>
                </a:cubicBezTo>
                <a:cubicBezTo>
                  <a:pt x="1408" y="158"/>
                  <a:pt x="1423" y="161"/>
                  <a:pt x="1439" y="161"/>
                </a:cubicBezTo>
                <a:cubicBezTo>
                  <a:pt x="1457" y="161"/>
                  <a:pt x="1471" y="157"/>
                  <a:pt x="1480" y="148"/>
                </a:cubicBezTo>
                <a:cubicBezTo>
                  <a:pt x="1488" y="140"/>
                  <a:pt x="1492" y="128"/>
                  <a:pt x="1492" y="110"/>
                </a:cubicBezTo>
                <a:cubicBezTo>
                  <a:pt x="1492" y="36"/>
                  <a:pt x="1492" y="36"/>
                  <a:pt x="1492" y="36"/>
                </a:cubicBezTo>
                <a:cubicBezTo>
                  <a:pt x="1465" y="36"/>
                  <a:pt x="1465" y="36"/>
                  <a:pt x="1465" y="36"/>
                </a:cubicBezTo>
                <a:lnTo>
                  <a:pt x="1465" y="48"/>
                </a:lnTo>
                <a:close/>
                <a:moveTo>
                  <a:pt x="1465" y="79"/>
                </a:moveTo>
                <a:cubicBezTo>
                  <a:pt x="1465" y="92"/>
                  <a:pt x="1455" y="102"/>
                  <a:pt x="1442" y="102"/>
                </a:cubicBezTo>
                <a:cubicBezTo>
                  <a:pt x="1429" y="102"/>
                  <a:pt x="1419" y="93"/>
                  <a:pt x="1419" y="79"/>
                </a:cubicBezTo>
                <a:cubicBezTo>
                  <a:pt x="1419" y="79"/>
                  <a:pt x="1419" y="79"/>
                  <a:pt x="1419" y="79"/>
                </a:cubicBezTo>
                <a:cubicBezTo>
                  <a:pt x="1419" y="66"/>
                  <a:pt x="1429" y="57"/>
                  <a:pt x="1442" y="57"/>
                </a:cubicBezTo>
                <a:cubicBezTo>
                  <a:pt x="1455" y="57"/>
                  <a:pt x="1465" y="66"/>
                  <a:pt x="1465" y="79"/>
                </a:cubicBezTo>
                <a:close/>
                <a:moveTo>
                  <a:pt x="1697" y="37"/>
                </a:moveTo>
                <a:cubicBezTo>
                  <a:pt x="1675" y="37"/>
                  <a:pt x="1675" y="37"/>
                  <a:pt x="1675" y="37"/>
                </a:cubicBezTo>
                <a:cubicBezTo>
                  <a:pt x="1675" y="33"/>
                  <a:pt x="1675" y="33"/>
                  <a:pt x="1675" y="33"/>
                </a:cubicBezTo>
                <a:cubicBezTo>
                  <a:pt x="1675" y="26"/>
                  <a:pt x="1678" y="23"/>
                  <a:pt x="1684" y="23"/>
                </a:cubicBezTo>
                <a:cubicBezTo>
                  <a:pt x="1689" y="23"/>
                  <a:pt x="1693" y="24"/>
                  <a:pt x="1697" y="25"/>
                </a:cubicBezTo>
                <a:cubicBezTo>
                  <a:pt x="1697" y="2"/>
                  <a:pt x="1697" y="2"/>
                  <a:pt x="1697" y="2"/>
                </a:cubicBezTo>
                <a:cubicBezTo>
                  <a:pt x="1692" y="1"/>
                  <a:pt x="1686" y="0"/>
                  <a:pt x="1677" y="0"/>
                </a:cubicBezTo>
                <a:cubicBezTo>
                  <a:pt x="1668" y="0"/>
                  <a:pt x="1660" y="2"/>
                  <a:pt x="1655" y="7"/>
                </a:cubicBezTo>
                <a:cubicBezTo>
                  <a:pt x="1650" y="12"/>
                  <a:pt x="1648" y="20"/>
                  <a:pt x="1648" y="31"/>
                </a:cubicBezTo>
                <a:cubicBezTo>
                  <a:pt x="1648" y="37"/>
                  <a:pt x="1648" y="37"/>
                  <a:pt x="1648" y="37"/>
                </a:cubicBezTo>
                <a:cubicBezTo>
                  <a:pt x="1636" y="37"/>
                  <a:pt x="1636" y="37"/>
                  <a:pt x="1636" y="37"/>
                </a:cubicBezTo>
                <a:cubicBezTo>
                  <a:pt x="1636" y="59"/>
                  <a:pt x="1636" y="59"/>
                  <a:pt x="1636" y="59"/>
                </a:cubicBezTo>
                <a:cubicBezTo>
                  <a:pt x="1648" y="59"/>
                  <a:pt x="1648" y="59"/>
                  <a:pt x="1648" y="59"/>
                </a:cubicBezTo>
                <a:cubicBezTo>
                  <a:pt x="1648" y="132"/>
                  <a:pt x="1648" y="132"/>
                  <a:pt x="1648" y="132"/>
                </a:cubicBezTo>
                <a:cubicBezTo>
                  <a:pt x="1675" y="132"/>
                  <a:pt x="1675" y="132"/>
                  <a:pt x="1675" y="132"/>
                </a:cubicBezTo>
                <a:cubicBezTo>
                  <a:pt x="1675" y="59"/>
                  <a:pt x="1675" y="59"/>
                  <a:pt x="1675" y="59"/>
                </a:cubicBezTo>
                <a:cubicBezTo>
                  <a:pt x="1697" y="59"/>
                  <a:pt x="1697" y="59"/>
                  <a:pt x="1697" y="59"/>
                </a:cubicBezTo>
                <a:lnTo>
                  <a:pt x="1697" y="37"/>
                </a:lnTo>
                <a:close/>
                <a:moveTo>
                  <a:pt x="1548" y="101"/>
                </a:moveTo>
                <a:cubicBezTo>
                  <a:pt x="1526" y="36"/>
                  <a:pt x="1526" y="36"/>
                  <a:pt x="1526" y="36"/>
                </a:cubicBezTo>
                <a:cubicBezTo>
                  <a:pt x="1497" y="36"/>
                  <a:pt x="1497" y="36"/>
                  <a:pt x="1497" y="36"/>
                </a:cubicBezTo>
                <a:cubicBezTo>
                  <a:pt x="1535" y="132"/>
                  <a:pt x="1535" y="132"/>
                  <a:pt x="1535" y="132"/>
                </a:cubicBezTo>
                <a:cubicBezTo>
                  <a:pt x="1532" y="137"/>
                  <a:pt x="1530" y="139"/>
                  <a:pt x="1525" y="139"/>
                </a:cubicBezTo>
                <a:cubicBezTo>
                  <a:pt x="1521" y="139"/>
                  <a:pt x="1517" y="137"/>
                  <a:pt x="1513" y="135"/>
                </a:cubicBezTo>
                <a:cubicBezTo>
                  <a:pt x="1504" y="155"/>
                  <a:pt x="1504" y="155"/>
                  <a:pt x="1504" y="155"/>
                </a:cubicBezTo>
                <a:cubicBezTo>
                  <a:pt x="1511" y="159"/>
                  <a:pt x="1519" y="161"/>
                  <a:pt x="1528" y="161"/>
                </a:cubicBezTo>
                <a:cubicBezTo>
                  <a:pt x="1545" y="161"/>
                  <a:pt x="1553" y="154"/>
                  <a:pt x="1560" y="134"/>
                </a:cubicBezTo>
                <a:cubicBezTo>
                  <a:pt x="1597" y="36"/>
                  <a:pt x="1597" y="36"/>
                  <a:pt x="1597" y="36"/>
                </a:cubicBezTo>
                <a:cubicBezTo>
                  <a:pt x="1569" y="36"/>
                  <a:pt x="1569" y="36"/>
                  <a:pt x="1569" y="36"/>
                </a:cubicBezTo>
                <a:lnTo>
                  <a:pt x="1548" y="101"/>
                </a:lnTo>
                <a:close/>
                <a:moveTo>
                  <a:pt x="1008" y="34"/>
                </a:moveTo>
                <a:cubicBezTo>
                  <a:pt x="994" y="34"/>
                  <a:pt x="986" y="41"/>
                  <a:pt x="980" y="49"/>
                </a:cubicBezTo>
                <a:cubicBezTo>
                  <a:pt x="980" y="1"/>
                  <a:pt x="980" y="1"/>
                  <a:pt x="980" y="1"/>
                </a:cubicBezTo>
                <a:cubicBezTo>
                  <a:pt x="952" y="1"/>
                  <a:pt x="952" y="1"/>
                  <a:pt x="952" y="1"/>
                </a:cubicBezTo>
                <a:cubicBezTo>
                  <a:pt x="952" y="132"/>
                  <a:pt x="952" y="132"/>
                  <a:pt x="952" y="132"/>
                </a:cubicBezTo>
                <a:cubicBezTo>
                  <a:pt x="980" y="132"/>
                  <a:pt x="980" y="132"/>
                  <a:pt x="980" y="132"/>
                </a:cubicBezTo>
                <a:cubicBezTo>
                  <a:pt x="980" y="78"/>
                  <a:pt x="980" y="78"/>
                  <a:pt x="980" y="78"/>
                </a:cubicBezTo>
                <a:cubicBezTo>
                  <a:pt x="980" y="65"/>
                  <a:pt x="986" y="59"/>
                  <a:pt x="997" y="59"/>
                </a:cubicBezTo>
                <a:cubicBezTo>
                  <a:pt x="1007" y="59"/>
                  <a:pt x="1013" y="65"/>
                  <a:pt x="1013" y="78"/>
                </a:cubicBezTo>
                <a:cubicBezTo>
                  <a:pt x="1013" y="132"/>
                  <a:pt x="1013" y="132"/>
                  <a:pt x="1013" y="132"/>
                </a:cubicBezTo>
                <a:cubicBezTo>
                  <a:pt x="1040" y="132"/>
                  <a:pt x="1040" y="132"/>
                  <a:pt x="1040" y="132"/>
                </a:cubicBezTo>
                <a:cubicBezTo>
                  <a:pt x="1040" y="70"/>
                  <a:pt x="1040" y="70"/>
                  <a:pt x="1040" y="70"/>
                </a:cubicBezTo>
                <a:cubicBezTo>
                  <a:pt x="1040" y="48"/>
                  <a:pt x="1028" y="34"/>
                  <a:pt x="1008" y="34"/>
                </a:cubicBezTo>
                <a:close/>
                <a:moveTo>
                  <a:pt x="1250" y="132"/>
                </a:moveTo>
                <a:cubicBezTo>
                  <a:pt x="1278" y="132"/>
                  <a:pt x="1278" y="132"/>
                  <a:pt x="1278" y="132"/>
                </a:cubicBezTo>
                <a:cubicBezTo>
                  <a:pt x="1278" y="1"/>
                  <a:pt x="1278" y="1"/>
                  <a:pt x="1278" y="1"/>
                </a:cubicBezTo>
                <a:cubicBezTo>
                  <a:pt x="1250" y="1"/>
                  <a:pt x="1250" y="1"/>
                  <a:pt x="1250" y="1"/>
                </a:cubicBezTo>
                <a:lnTo>
                  <a:pt x="1250" y="132"/>
                </a:lnTo>
                <a:close/>
                <a:moveTo>
                  <a:pt x="1103" y="34"/>
                </a:moveTo>
                <a:cubicBezTo>
                  <a:pt x="1089" y="34"/>
                  <a:pt x="1081" y="41"/>
                  <a:pt x="1075" y="49"/>
                </a:cubicBezTo>
                <a:cubicBezTo>
                  <a:pt x="1075" y="36"/>
                  <a:pt x="1075" y="36"/>
                  <a:pt x="1075" y="36"/>
                </a:cubicBezTo>
                <a:cubicBezTo>
                  <a:pt x="1047" y="36"/>
                  <a:pt x="1047" y="36"/>
                  <a:pt x="1047" y="36"/>
                </a:cubicBezTo>
                <a:cubicBezTo>
                  <a:pt x="1047" y="132"/>
                  <a:pt x="1047" y="132"/>
                  <a:pt x="1047" y="132"/>
                </a:cubicBezTo>
                <a:cubicBezTo>
                  <a:pt x="1075" y="132"/>
                  <a:pt x="1075" y="132"/>
                  <a:pt x="1075" y="132"/>
                </a:cubicBezTo>
                <a:cubicBezTo>
                  <a:pt x="1075" y="78"/>
                  <a:pt x="1075" y="78"/>
                  <a:pt x="1075" y="78"/>
                </a:cubicBezTo>
                <a:cubicBezTo>
                  <a:pt x="1075" y="65"/>
                  <a:pt x="1081" y="59"/>
                  <a:pt x="1092" y="59"/>
                </a:cubicBezTo>
                <a:cubicBezTo>
                  <a:pt x="1102" y="59"/>
                  <a:pt x="1108" y="65"/>
                  <a:pt x="1108" y="78"/>
                </a:cubicBezTo>
                <a:cubicBezTo>
                  <a:pt x="1108" y="132"/>
                  <a:pt x="1108" y="132"/>
                  <a:pt x="1108" y="132"/>
                </a:cubicBezTo>
                <a:cubicBezTo>
                  <a:pt x="1135" y="132"/>
                  <a:pt x="1135" y="132"/>
                  <a:pt x="1135" y="132"/>
                </a:cubicBezTo>
                <a:cubicBezTo>
                  <a:pt x="1135" y="70"/>
                  <a:pt x="1135" y="70"/>
                  <a:pt x="1135" y="70"/>
                </a:cubicBezTo>
                <a:cubicBezTo>
                  <a:pt x="1135" y="48"/>
                  <a:pt x="1123" y="34"/>
                  <a:pt x="1103" y="34"/>
                </a:cubicBezTo>
                <a:close/>
                <a:moveTo>
                  <a:pt x="910" y="111"/>
                </a:moveTo>
                <a:cubicBezTo>
                  <a:pt x="895" y="111"/>
                  <a:pt x="885" y="99"/>
                  <a:pt x="885" y="84"/>
                </a:cubicBezTo>
                <a:cubicBezTo>
                  <a:pt x="885" y="84"/>
                  <a:pt x="885" y="84"/>
                  <a:pt x="885" y="84"/>
                </a:cubicBezTo>
                <a:cubicBezTo>
                  <a:pt x="885" y="70"/>
                  <a:pt x="895" y="58"/>
                  <a:pt x="909" y="58"/>
                </a:cubicBezTo>
                <a:cubicBezTo>
                  <a:pt x="918" y="58"/>
                  <a:pt x="925" y="62"/>
                  <a:pt x="931" y="68"/>
                </a:cubicBezTo>
                <a:cubicBezTo>
                  <a:pt x="947" y="50"/>
                  <a:pt x="947" y="50"/>
                  <a:pt x="947" y="50"/>
                </a:cubicBezTo>
                <a:cubicBezTo>
                  <a:pt x="938" y="40"/>
                  <a:pt x="927" y="34"/>
                  <a:pt x="909" y="34"/>
                </a:cubicBezTo>
                <a:cubicBezTo>
                  <a:pt x="880" y="34"/>
                  <a:pt x="859" y="57"/>
                  <a:pt x="859" y="84"/>
                </a:cubicBezTo>
                <a:cubicBezTo>
                  <a:pt x="859" y="84"/>
                  <a:pt x="859" y="84"/>
                  <a:pt x="859" y="84"/>
                </a:cubicBezTo>
                <a:cubicBezTo>
                  <a:pt x="859" y="112"/>
                  <a:pt x="880" y="134"/>
                  <a:pt x="909" y="134"/>
                </a:cubicBezTo>
                <a:cubicBezTo>
                  <a:pt x="928" y="134"/>
                  <a:pt x="939" y="127"/>
                  <a:pt x="948" y="117"/>
                </a:cubicBezTo>
                <a:cubicBezTo>
                  <a:pt x="932" y="100"/>
                  <a:pt x="932" y="100"/>
                  <a:pt x="932" y="100"/>
                </a:cubicBezTo>
                <a:cubicBezTo>
                  <a:pt x="925" y="107"/>
                  <a:pt x="919" y="111"/>
                  <a:pt x="910" y="111"/>
                </a:cubicBezTo>
                <a:close/>
                <a:moveTo>
                  <a:pt x="1945" y="35"/>
                </a:moveTo>
                <a:cubicBezTo>
                  <a:pt x="1929" y="35"/>
                  <a:pt x="1918" y="38"/>
                  <a:pt x="1908" y="42"/>
                </a:cubicBezTo>
                <a:cubicBezTo>
                  <a:pt x="1915" y="63"/>
                  <a:pt x="1915" y="63"/>
                  <a:pt x="1915" y="63"/>
                </a:cubicBezTo>
                <a:cubicBezTo>
                  <a:pt x="1923" y="60"/>
                  <a:pt x="1931" y="58"/>
                  <a:pt x="1941" y="58"/>
                </a:cubicBezTo>
                <a:cubicBezTo>
                  <a:pt x="1955" y="58"/>
                  <a:pt x="1962" y="64"/>
                  <a:pt x="1962" y="76"/>
                </a:cubicBezTo>
                <a:cubicBezTo>
                  <a:pt x="1962" y="77"/>
                  <a:pt x="1962" y="77"/>
                  <a:pt x="1962" y="77"/>
                </a:cubicBezTo>
                <a:cubicBezTo>
                  <a:pt x="1955" y="75"/>
                  <a:pt x="1948" y="73"/>
                  <a:pt x="1938" y="73"/>
                </a:cubicBezTo>
                <a:cubicBezTo>
                  <a:pt x="1915" y="73"/>
                  <a:pt x="1899" y="83"/>
                  <a:pt x="1899" y="104"/>
                </a:cubicBezTo>
                <a:cubicBezTo>
                  <a:pt x="1899" y="104"/>
                  <a:pt x="1899" y="104"/>
                  <a:pt x="1899" y="104"/>
                </a:cubicBezTo>
                <a:cubicBezTo>
                  <a:pt x="1899" y="123"/>
                  <a:pt x="1914" y="134"/>
                  <a:pt x="1932" y="134"/>
                </a:cubicBezTo>
                <a:cubicBezTo>
                  <a:pt x="1946" y="134"/>
                  <a:pt x="1955" y="129"/>
                  <a:pt x="1962" y="122"/>
                </a:cubicBezTo>
                <a:cubicBezTo>
                  <a:pt x="1962" y="132"/>
                  <a:pt x="1962" y="132"/>
                  <a:pt x="1962" y="132"/>
                </a:cubicBezTo>
                <a:cubicBezTo>
                  <a:pt x="1988" y="132"/>
                  <a:pt x="1988" y="132"/>
                  <a:pt x="1988" y="132"/>
                </a:cubicBezTo>
                <a:cubicBezTo>
                  <a:pt x="1988" y="76"/>
                  <a:pt x="1988" y="76"/>
                  <a:pt x="1988" y="76"/>
                </a:cubicBezTo>
                <a:cubicBezTo>
                  <a:pt x="1988" y="63"/>
                  <a:pt x="1985" y="53"/>
                  <a:pt x="1978" y="46"/>
                </a:cubicBezTo>
                <a:cubicBezTo>
                  <a:pt x="1971" y="39"/>
                  <a:pt x="1960" y="35"/>
                  <a:pt x="1945" y="35"/>
                </a:cubicBezTo>
                <a:close/>
                <a:moveTo>
                  <a:pt x="1962" y="98"/>
                </a:moveTo>
                <a:cubicBezTo>
                  <a:pt x="1962" y="108"/>
                  <a:pt x="1953" y="115"/>
                  <a:pt x="1941" y="115"/>
                </a:cubicBezTo>
                <a:cubicBezTo>
                  <a:pt x="1932" y="115"/>
                  <a:pt x="1926" y="111"/>
                  <a:pt x="1926" y="103"/>
                </a:cubicBezTo>
                <a:cubicBezTo>
                  <a:pt x="1926" y="103"/>
                  <a:pt x="1926" y="103"/>
                  <a:pt x="1926" y="103"/>
                </a:cubicBezTo>
                <a:cubicBezTo>
                  <a:pt x="1926" y="94"/>
                  <a:pt x="1933" y="90"/>
                  <a:pt x="1945" y="90"/>
                </a:cubicBezTo>
                <a:cubicBezTo>
                  <a:pt x="1951" y="90"/>
                  <a:pt x="1957" y="91"/>
                  <a:pt x="1962" y="93"/>
                </a:cubicBezTo>
                <a:lnTo>
                  <a:pt x="1962" y="98"/>
                </a:lnTo>
                <a:close/>
                <a:moveTo>
                  <a:pt x="1193" y="34"/>
                </a:moveTo>
                <a:cubicBezTo>
                  <a:pt x="1163" y="34"/>
                  <a:pt x="1141" y="56"/>
                  <a:pt x="1141" y="84"/>
                </a:cubicBezTo>
                <a:cubicBezTo>
                  <a:pt x="1141" y="84"/>
                  <a:pt x="1141" y="84"/>
                  <a:pt x="1141" y="84"/>
                </a:cubicBezTo>
                <a:cubicBezTo>
                  <a:pt x="1141" y="112"/>
                  <a:pt x="1163" y="134"/>
                  <a:pt x="1193" y="134"/>
                </a:cubicBezTo>
                <a:cubicBezTo>
                  <a:pt x="1223" y="134"/>
                  <a:pt x="1245" y="112"/>
                  <a:pt x="1245" y="84"/>
                </a:cubicBezTo>
                <a:cubicBezTo>
                  <a:pt x="1245" y="84"/>
                  <a:pt x="1245" y="84"/>
                  <a:pt x="1245" y="84"/>
                </a:cubicBezTo>
                <a:cubicBezTo>
                  <a:pt x="1245" y="56"/>
                  <a:pt x="1223" y="34"/>
                  <a:pt x="1193" y="34"/>
                </a:cubicBezTo>
                <a:close/>
                <a:moveTo>
                  <a:pt x="1218" y="84"/>
                </a:moveTo>
                <a:cubicBezTo>
                  <a:pt x="1218" y="99"/>
                  <a:pt x="1209" y="111"/>
                  <a:pt x="1193" y="111"/>
                </a:cubicBezTo>
                <a:cubicBezTo>
                  <a:pt x="1178" y="111"/>
                  <a:pt x="1168" y="98"/>
                  <a:pt x="1168" y="84"/>
                </a:cubicBezTo>
                <a:cubicBezTo>
                  <a:pt x="1168" y="84"/>
                  <a:pt x="1168" y="84"/>
                  <a:pt x="1168" y="84"/>
                </a:cubicBezTo>
                <a:cubicBezTo>
                  <a:pt x="1168" y="70"/>
                  <a:pt x="1177" y="58"/>
                  <a:pt x="1193" y="58"/>
                </a:cubicBezTo>
                <a:cubicBezTo>
                  <a:pt x="1208" y="58"/>
                  <a:pt x="1218" y="70"/>
                  <a:pt x="1218" y="84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23" name="Rectangle 22">
            <a:extLst>
              <a:ext uri="{FF2B5EF4-FFF2-40B4-BE49-F238E27FC236}">
                <a16:creationId xmlns:a16="http://schemas.microsoft.com/office/drawing/2014/main" id="{DC0017CD-9CFC-45DD-AD04-B02FC456F106}"/>
              </a:ext>
            </a:extLst>
          </p:cNvPr>
          <p:cNvSpPr/>
          <p:nvPr userDrawn="1"/>
        </p:nvSpPr>
        <p:spPr bwMode="black">
          <a:xfrm>
            <a:off x="550854" y="5186913"/>
            <a:ext cx="1097683" cy="10672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4C2C74A3-D7D0-43DC-899C-55788991F695}"/>
              </a:ext>
            </a:extLst>
          </p:cNvPr>
          <p:cNvCxnSpPr/>
          <p:nvPr userDrawn="1"/>
        </p:nvCxnSpPr>
        <p:spPr>
          <a:xfrm>
            <a:off x="550836" y="5292085"/>
            <a:ext cx="5819503" cy="0"/>
          </a:xfrm>
          <a:prstGeom prst="line">
            <a:avLst/>
          </a:prstGeom>
          <a:ln>
            <a:solidFill>
              <a:schemeClr val="bg2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5" name="TextBox 24">
            <a:extLst>
              <a:ext uri="{FF2B5EF4-FFF2-40B4-BE49-F238E27FC236}">
                <a16:creationId xmlns:a16="http://schemas.microsoft.com/office/drawing/2014/main" id="{C5293598-992E-426C-9EE4-3FBF0CC19DB0}"/>
              </a:ext>
            </a:extLst>
          </p:cNvPr>
          <p:cNvSpPr txBox="1"/>
          <p:nvPr userDrawn="1"/>
        </p:nvSpPr>
        <p:spPr>
          <a:xfrm>
            <a:off x="3648898" y="5300525"/>
            <a:ext cx="2852063" cy="30777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lvl="0"/>
            <a:r>
              <a:rPr lang="en-US" sz="1400" dirty="0">
                <a:solidFill>
                  <a:schemeClr val="bg1"/>
                </a:solidFill>
              </a:rPr>
              <a:t>Lenovo Global Product Education</a:t>
            </a:r>
          </a:p>
        </p:txBody>
      </p:sp>
    </p:spTree>
    <p:extLst>
      <p:ext uri="{BB962C8B-B14F-4D97-AF65-F5344CB8AC3E}">
        <p14:creationId xmlns:p14="http://schemas.microsoft.com/office/powerpoint/2010/main" val="1786802700"/>
      </p:ext>
    </p:extLst>
  </p:cSld>
  <p:clrMapOvr>
    <a:masterClrMapping/>
  </p:clrMapOvr>
  <p:transition spd="med"/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Photo + Statement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0" y="0"/>
            <a:ext cx="4061791" cy="68580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Picture Placeholder 8"/>
          <p:cNvSpPr>
            <a:spLocks noGrp="1"/>
          </p:cNvSpPr>
          <p:nvPr>
            <p:ph type="pic" sz="quarter" idx="16"/>
          </p:nvPr>
        </p:nvSpPr>
        <p:spPr>
          <a:xfrm>
            <a:off x="4061791" y="0"/>
            <a:ext cx="8127034" cy="6858000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2400"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14" name="Text Placeholder 3"/>
          <p:cNvSpPr>
            <a:spLocks noGrp="1"/>
          </p:cNvSpPr>
          <p:nvPr>
            <p:ph type="body" sz="quarter" idx="18" hasCustomPrompt="1"/>
          </p:nvPr>
        </p:nvSpPr>
        <p:spPr>
          <a:xfrm>
            <a:off x="548640" y="849535"/>
            <a:ext cx="3513151" cy="1926795"/>
          </a:xfrm>
          <a:prstGeom prst="rect">
            <a:avLst/>
          </a:prstGeom>
          <a:noFill/>
        </p:spPr>
        <p:txBody>
          <a:bodyPr lIns="0" tIns="0" rIns="0" bIns="0" anchor="t">
            <a:noAutofit/>
          </a:bodyPr>
          <a:lstStyle>
            <a:lvl1pPr marL="0" indent="0">
              <a:lnSpc>
                <a:spcPts val="4200"/>
              </a:lnSpc>
              <a:spcBef>
                <a:spcPts val="0"/>
              </a:spcBef>
              <a:buFont typeface="Arial" panose="020B0604020202020204" pitchFamily="34" charset="0"/>
              <a:buNone/>
              <a:defRPr sz="4600" b="1" strike="noStrike" spc="-150" baseline="0">
                <a:solidFill>
                  <a:schemeClr val="bg1"/>
                </a:solidFill>
              </a:defRPr>
            </a:lvl1pPr>
            <a:lvl2pPr marL="341313" indent="0">
              <a:buNone/>
              <a:defRPr/>
            </a:lvl2pPr>
            <a:lvl3pPr marL="679450" indent="0">
              <a:buNone/>
              <a:defRPr/>
            </a:lvl3pPr>
            <a:lvl4pPr marL="966787" indent="0">
              <a:buNone/>
              <a:defRPr/>
            </a:lvl4pPr>
            <a:lvl5pPr marL="1146175" indent="0">
              <a:buNone/>
              <a:defRPr/>
            </a:lvl5pPr>
          </a:lstStyle>
          <a:p>
            <a:pPr lvl="0"/>
            <a:r>
              <a:rPr lang="en-US" dirty="0"/>
              <a:t>Photo plus</a:t>
            </a:r>
            <a:br>
              <a:rPr lang="en-US" dirty="0"/>
            </a:br>
            <a:r>
              <a:rPr lang="en-US" dirty="0"/>
              <a:t>statement</a:t>
            </a:r>
            <a:br>
              <a:rPr lang="en-US" dirty="0"/>
            </a:br>
            <a:r>
              <a:rPr lang="en-US" dirty="0"/>
              <a:t>layout</a:t>
            </a:r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9" hasCustomPrompt="1"/>
          </p:nvPr>
        </p:nvSpPr>
        <p:spPr>
          <a:xfrm>
            <a:off x="548641" y="2943638"/>
            <a:ext cx="3513150" cy="1641615"/>
          </a:xfrm>
          <a:prstGeom prst="rect">
            <a:avLst/>
          </a:prstGeom>
        </p:spPr>
        <p:txBody>
          <a:bodyPr lIns="0" tIns="0" rIns="0" bIns="0"/>
          <a:lstStyle>
            <a:lvl1pPr marL="0" indent="0">
              <a:lnSpc>
                <a:spcPts val="2400"/>
              </a:lnSpc>
              <a:spcBef>
                <a:spcPts val="0"/>
              </a:spcBef>
              <a:buNone/>
              <a:defRPr sz="2400" baseline="0">
                <a:solidFill>
                  <a:schemeClr val="bg1"/>
                </a:solidFill>
              </a:defRPr>
            </a:lvl1pPr>
            <a:lvl2pPr marL="609494" indent="0">
              <a:buNone/>
              <a:defRPr/>
            </a:lvl2pPr>
            <a:lvl3pPr marL="1218986" indent="0">
              <a:buNone/>
              <a:defRPr/>
            </a:lvl3pPr>
            <a:lvl4pPr marL="1828480" indent="0">
              <a:buNone/>
              <a:defRPr/>
            </a:lvl4pPr>
            <a:lvl5pPr marL="2437973" indent="0">
              <a:buNone/>
              <a:defRPr/>
            </a:lvl5pPr>
          </a:lstStyle>
          <a:p>
            <a:pPr lvl="0"/>
            <a:r>
              <a:rPr lang="en-US" dirty="0"/>
              <a:t>Subtitle goes here</a:t>
            </a:r>
          </a:p>
        </p:txBody>
      </p:sp>
      <p:sp>
        <p:nvSpPr>
          <p:cNvPr id="9" name="TextBox 8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10" name="Group 9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11" name="Rectangle 10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2" name="Freeform 11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5" name="Freeform 14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6" name="Freeform 15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7" name="Freeform 16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8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9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4277636023"/>
      </p:ext>
    </p:extLst>
  </p:cSld>
  <p:clrMapOvr>
    <a:masterClrMapping/>
  </p:clrMapOvr>
  <p:transition spd="med"/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Quote Layout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Placeholder 107"/>
          <p:cNvSpPr>
            <a:spLocks noGrp="1"/>
          </p:cNvSpPr>
          <p:nvPr>
            <p:ph type="body" sz="quarter" idx="18" hasCustomPrompt="1"/>
          </p:nvPr>
        </p:nvSpPr>
        <p:spPr bwMode="white">
          <a:xfrm>
            <a:off x="548640" y="1276349"/>
            <a:ext cx="10165080" cy="3242641"/>
          </a:xfrm>
          <a:prstGeom prst="rect">
            <a:avLst/>
          </a:prstGeom>
        </p:spPr>
        <p:txBody>
          <a:bodyPr lIns="0" anchor="t">
            <a:normAutofit/>
          </a:bodyPr>
          <a:lstStyle>
            <a:lvl1pPr marL="0" indent="0" algn="l">
              <a:lnSpc>
                <a:spcPct val="100000"/>
              </a:lnSpc>
              <a:buNone/>
              <a:defRPr sz="4400" b="1" spc="-150">
                <a:solidFill>
                  <a:schemeClr val="tx1"/>
                </a:solidFill>
              </a:defRPr>
            </a:lvl1pPr>
            <a:lvl2pPr marL="341313" indent="0" algn="ctr">
              <a:buNone/>
              <a:defRPr>
                <a:solidFill>
                  <a:schemeClr val="bg1"/>
                </a:solidFill>
              </a:defRPr>
            </a:lvl2pPr>
            <a:lvl3pPr marL="679450" indent="0" algn="ctr">
              <a:buNone/>
              <a:defRPr>
                <a:solidFill>
                  <a:schemeClr val="bg1"/>
                </a:solidFill>
              </a:defRPr>
            </a:lvl3pPr>
            <a:lvl4pPr marL="966787" indent="0" algn="ctr">
              <a:buNone/>
              <a:defRPr>
                <a:solidFill>
                  <a:schemeClr val="bg1"/>
                </a:solidFill>
              </a:defRPr>
            </a:lvl4pPr>
            <a:lvl5pPr marL="1146175" indent="0" algn="ctr">
              <a:buNone/>
              <a:defRPr>
                <a:solidFill>
                  <a:schemeClr val="bg1"/>
                </a:solidFill>
              </a:defRPr>
            </a:lvl5pPr>
          </a:lstStyle>
          <a:p>
            <a:pPr lvl="0"/>
            <a:r>
              <a:rPr lang="en-US" dirty="0"/>
              <a:t>Click to edit quote</a:t>
            </a:r>
          </a:p>
        </p:txBody>
      </p:sp>
      <p:sp>
        <p:nvSpPr>
          <p:cNvPr id="17" name="Text Placeholder 110"/>
          <p:cNvSpPr>
            <a:spLocks noGrp="1"/>
          </p:cNvSpPr>
          <p:nvPr>
            <p:ph type="body" sz="quarter" idx="19" hasCustomPrompt="1"/>
          </p:nvPr>
        </p:nvSpPr>
        <p:spPr>
          <a:xfrm>
            <a:off x="554337" y="4623890"/>
            <a:ext cx="10159383" cy="876300"/>
          </a:xfrm>
          <a:prstGeom prst="rect">
            <a:avLst/>
          </a:prstGeom>
        </p:spPr>
        <p:txBody>
          <a:bodyPr lIns="0"/>
          <a:lstStyle>
            <a:lvl1pPr marL="0" indent="0" algn="l">
              <a:buNone/>
              <a:defRPr sz="2400" b="1" spc="-150" baseline="0">
                <a:solidFill>
                  <a:schemeClr val="tx1"/>
                </a:solidFill>
              </a:defRPr>
            </a:lvl1pPr>
            <a:lvl2pPr marL="341313" indent="0">
              <a:buNone/>
              <a:defRPr/>
            </a:lvl2pPr>
            <a:lvl3pPr marL="679450" indent="0">
              <a:buNone/>
              <a:defRPr/>
            </a:lvl3pPr>
            <a:lvl4pPr marL="966787" indent="0">
              <a:buNone/>
              <a:defRPr/>
            </a:lvl4pPr>
            <a:lvl5pPr marL="1146175" indent="0">
              <a:buNone/>
              <a:defRPr/>
            </a:lvl5pPr>
          </a:lstStyle>
          <a:p>
            <a:pPr lvl="0"/>
            <a:r>
              <a:rPr lang="en-US" dirty="0"/>
              <a:t>Click to edit quote source</a:t>
            </a:r>
          </a:p>
        </p:txBody>
      </p:sp>
      <p:grpSp>
        <p:nvGrpSpPr>
          <p:cNvPr id="12" name="Group 11"/>
          <p:cNvGrpSpPr/>
          <p:nvPr userDrawn="1"/>
        </p:nvGrpSpPr>
        <p:grpSpPr>
          <a:xfrm>
            <a:off x="548640" y="398463"/>
            <a:ext cx="990600" cy="735013"/>
            <a:chOff x="657226" y="398463"/>
            <a:chExt cx="990600" cy="735013"/>
          </a:xfrm>
          <a:solidFill>
            <a:schemeClr val="accent1"/>
          </a:solidFill>
        </p:grpSpPr>
        <p:sp>
          <p:nvSpPr>
            <p:cNvPr id="7" name="Freeform 5"/>
            <p:cNvSpPr>
              <a:spLocks/>
            </p:cNvSpPr>
            <p:nvPr userDrawn="1"/>
          </p:nvSpPr>
          <p:spPr bwMode="auto">
            <a:xfrm>
              <a:off x="657226" y="398463"/>
              <a:ext cx="452438" cy="735013"/>
            </a:xfrm>
            <a:custGeom>
              <a:avLst/>
              <a:gdLst>
                <a:gd name="T0" fmla="*/ 0 w 452"/>
                <a:gd name="T1" fmla="*/ 428 h 736"/>
                <a:gd name="T2" fmla="*/ 422 w 452"/>
                <a:gd name="T3" fmla="*/ 0 h 736"/>
                <a:gd name="T4" fmla="*/ 452 w 452"/>
                <a:gd name="T5" fmla="*/ 144 h 736"/>
                <a:gd name="T6" fmla="*/ 228 w 452"/>
                <a:gd name="T7" fmla="*/ 370 h 736"/>
                <a:gd name="T8" fmla="*/ 370 w 452"/>
                <a:gd name="T9" fmla="*/ 370 h 736"/>
                <a:gd name="T10" fmla="*/ 370 w 452"/>
                <a:gd name="T11" fmla="*/ 736 h 736"/>
                <a:gd name="T12" fmla="*/ 0 w 452"/>
                <a:gd name="T13" fmla="*/ 736 h 736"/>
                <a:gd name="T14" fmla="*/ 0 w 452"/>
                <a:gd name="T15" fmla="*/ 428 h 736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452" h="736">
                  <a:moveTo>
                    <a:pt x="0" y="428"/>
                  </a:moveTo>
                  <a:cubicBezTo>
                    <a:pt x="0" y="126"/>
                    <a:pt x="151" y="5"/>
                    <a:pt x="422" y="0"/>
                  </a:cubicBezTo>
                  <a:cubicBezTo>
                    <a:pt x="452" y="144"/>
                    <a:pt x="452" y="144"/>
                    <a:pt x="452" y="144"/>
                  </a:cubicBezTo>
                  <a:cubicBezTo>
                    <a:pt x="294" y="160"/>
                    <a:pt x="217" y="240"/>
                    <a:pt x="228" y="370"/>
                  </a:cubicBezTo>
                  <a:cubicBezTo>
                    <a:pt x="370" y="370"/>
                    <a:pt x="370" y="370"/>
                    <a:pt x="370" y="370"/>
                  </a:cubicBezTo>
                  <a:cubicBezTo>
                    <a:pt x="370" y="736"/>
                    <a:pt x="370" y="736"/>
                    <a:pt x="370" y="736"/>
                  </a:cubicBezTo>
                  <a:cubicBezTo>
                    <a:pt x="0" y="736"/>
                    <a:pt x="0" y="736"/>
                    <a:pt x="0" y="736"/>
                  </a:cubicBezTo>
                  <a:lnTo>
                    <a:pt x="0" y="428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8" name="Freeform 6"/>
            <p:cNvSpPr>
              <a:spLocks/>
            </p:cNvSpPr>
            <p:nvPr userDrawn="1"/>
          </p:nvSpPr>
          <p:spPr bwMode="auto">
            <a:xfrm>
              <a:off x="1195388" y="398463"/>
              <a:ext cx="452438" cy="735013"/>
            </a:xfrm>
            <a:custGeom>
              <a:avLst/>
              <a:gdLst>
                <a:gd name="T0" fmla="*/ 0 w 452"/>
                <a:gd name="T1" fmla="*/ 428 h 736"/>
                <a:gd name="T2" fmla="*/ 422 w 452"/>
                <a:gd name="T3" fmla="*/ 0 h 736"/>
                <a:gd name="T4" fmla="*/ 452 w 452"/>
                <a:gd name="T5" fmla="*/ 144 h 736"/>
                <a:gd name="T6" fmla="*/ 228 w 452"/>
                <a:gd name="T7" fmla="*/ 370 h 736"/>
                <a:gd name="T8" fmla="*/ 370 w 452"/>
                <a:gd name="T9" fmla="*/ 370 h 736"/>
                <a:gd name="T10" fmla="*/ 370 w 452"/>
                <a:gd name="T11" fmla="*/ 736 h 736"/>
                <a:gd name="T12" fmla="*/ 0 w 452"/>
                <a:gd name="T13" fmla="*/ 736 h 736"/>
                <a:gd name="T14" fmla="*/ 0 w 452"/>
                <a:gd name="T15" fmla="*/ 428 h 736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452" h="736">
                  <a:moveTo>
                    <a:pt x="0" y="428"/>
                  </a:moveTo>
                  <a:cubicBezTo>
                    <a:pt x="0" y="126"/>
                    <a:pt x="151" y="5"/>
                    <a:pt x="422" y="0"/>
                  </a:cubicBezTo>
                  <a:cubicBezTo>
                    <a:pt x="452" y="144"/>
                    <a:pt x="452" y="144"/>
                    <a:pt x="452" y="144"/>
                  </a:cubicBezTo>
                  <a:cubicBezTo>
                    <a:pt x="294" y="160"/>
                    <a:pt x="217" y="240"/>
                    <a:pt x="228" y="370"/>
                  </a:cubicBezTo>
                  <a:cubicBezTo>
                    <a:pt x="370" y="370"/>
                    <a:pt x="370" y="370"/>
                    <a:pt x="370" y="370"/>
                  </a:cubicBezTo>
                  <a:cubicBezTo>
                    <a:pt x="370" y="736"/>
                    <a:pt x="370" y="736"/>
                    <a:pt x="370" y="736"/>
                  </a:cubicBezTo>
                  <a:cubicBezTo>
                    <a:pt x="0" y="736"/>
                    <a:pt x="0" y="736"/>
                    <a:pt x="0" y="736"/>
                  </a:cubicBezTo>
                  <a:lnTo>
                    <a:pt x="0" y="428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</p:spTree>
    <p:extLst>
      <p:ext uri="{BB962C8B-B14F-4D97-AF65-F5344CB8AC3E}">
        <p14:creationId xmlns:p14="http://schemas.microsoft.com/office/powerpoint/2010/main" val="3738601657"/>
      </p:ext>
    </p:extLst>
  </p:cSld>
  <p:clrMapOvr>
    <a:masterClrMapping/>
  </p:clrMapOvr>
  <p:transition spd="med"/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Quote Layout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Placeholder 107"/>
          <p:cNvSpPr>
            <a:spLocks noGrp="1"/>
          </p:cNvSpPr>
          <p:nvPr>
            <p:ph type="body" sz="quarter" idx="18" hasCustomPrompt="1"/>
          </p:nvPr>
        </p:nvSpPr>
        <p:spPr bwMode="white">
          <a:xfrm>
            <a:off x="548640" y="1276349"/>
            <a:ext cx="10165080" cy="3242641"/>
          </a:xfrm>
          <a:prstGeom prst="rect">
            <a:avLst/>
          </a:prstGeom>
        </p:spPr>
        <p:txBody>
          <a:bodyPr lIns="0" anchor="t">
            <a:normAutofit/>
          </a:bodyPr>
          <a:lstStyle>
            <a:lvl1pPr marL="0" indent="0" algn="l">
              <a:lnSpc>
                <a:spcPct val="100000"/>
              </a:lnSpc>
              <a:buNone/>
              <a:defRPr sz="4400" b="1" spc="-150">
                <a:solidFill>
                  <a:schemeClr val="bg1"/>
                </a:solidFill>
              </a:defRPr>
            </a:lvl1pPr>
            <a:lvl2pPr marL="341313" indent="0" algn="ctr">
              <a:buNone/>
              <a:defRPr>
                <a:solidFill>
                  <a:schemeClr val="bg1"/>
                </a:solidFill>
              </a:defRPr>
            </a:lvl2pPr>
            <a:lvl3pPr marL="679450" indent="0" algn="ctr">
              <a:buNone/>
              <a:defRPr>
                <a:solidFill>
                  <a:schemeClr val="bg1"/>
                </a:solidFill>
              </a:defRPr>
            </a:lvl3pPr>
            <a:lvl4pPr marL="966787" indent="0" algn="ctr">
              <a:buNone/>
              <a:defRPr>
                <a:solidFill>
                  <a:schemeClr val="bg1"/>
                </a:solidFill>
              </a:defRPr>
            </a:lvl4pPr>
            <a:lvl5pPr marL="1146175" indent="0" algn="ctr">
              <a:buNone/>
              <a:defRPr>
                <a:solidFill>
                  <a:schemeClr val="bg1"/>
                </a:solidFill>
              </a:defRPr>
            </a:lvl5pPr>
          </a:lstStyle>
          <a:p>
            <a:pPr lvl="0"/>
            <a:r>
              <a:rPr lang="en-US" dirty="0"/>
              <a:t>Click to edit quote</a:t>
            </a:r>
          </a:p>
        </p:txBody>
      </p:sp>
      <p:sp>
        <p:nvSpPr>
          <p:cNvPr id="17" name="Text Placeholder 110"/>
          <p:cNvSpPr>
            <a:spLocks noGrp="1"/>
          </p:cNvSpPr>
          <p:nvPr>
            <p:ph type="body" sz="quarter" idx="19" hasCustomPrompt="1"/>
          </p:nvPr>
        </p:nvSpPr>
        <p:spPr>
          <a:xfrm>
            <a:off x="554337" y="4623890"/>
            <a:ext cx="10159383" cy="876300"/>
          </a:xfrm>
          <a:prstGeom prst="rect">
            <a:avLst/>
          </a:prstGeom>
        </p:spPr>
        <p:txBody>
          <a:bodyPr lIns="0"/>
          <a:lstStyle>
            <a:lvl1pPr marL="0" indent="0" algn="l">
              <a:buNone/>
              <a:defRPr sz="2400" b="1" spc="-150" baseline="0">
                <a:solidFill>
                  <a:schemeClr val="bg1"/>
                </a:solidFill>
              </a:defRPr>
            </a:lvl1pPr>
            <a:lvl2pPr marL="341313" indent="0">
              <a:buNone/>
              <a:defRPr/>
            </a:lvl2pPr>
            <a:lvl3pPr marL="679450" indent="0">
              <a:buNone/>
              <a:defRPr/>
            </a:lvl3pPr>
            <a:lvl4pPr marL="966787" indent="0">
              <a:buNone/>
              <a:defRPr/>
            </a:lvl4pPr>
            <a:lvl5pPr marL="1146175" indent="0">
              <a:buNone/>
              <a:defRPr/>
            </a:lvl5pPr>
          </a:lstStyle>
          <a:p>
            <a:pPr lvl="0"/>
            <a:r>
              <a:rPr lang="en-US" dirty="0"/>
              <a:t>Click to edit quote source</a:t>
            </a:r>
          </a:p>
        </p:txBody>
      </p:sp>
      <p:sp>
        <p:nvSpPr>
          <p:cNvPr id="9" name="TextBox 8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10" name="Group 9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11" name="Rectangle 10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3" name="Freeform 12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6" name="Freeform 15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8" name="Freeform 17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9" name="Freeform 18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0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1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  <p:grpSp>
        <p:nvGrpSpPr>
          <p:cNvPr id="22" name="Group 21">
            <a:extLst>
              <a:ext uri="{FF2B5EF4-FFF2-40B4-BE49-F238E27FC236}">
                <a16:creationId xmlns:a16="http://schemas.microsoft.com/office/drawing/2014/main" id="{99371872-34E0-4E87-A880-855C986DEFEB}"/>
              </a:ext>
            </a:extLst>
          </p:cNvPr>
          <p:cNvGrpSpPr/>
          <p:nvPr userDrawn="1"/>
        </p:nvGrpSpPr>
        <p:grpSpPr>
          <a:xfrm>
            <a:off x="548640" y="398463"/>
            <a:ext cx="990600" cy="735013"/>
            <a:chOff x="657226" y="398463"/>
            <a:chExt cx="990600" cy="735013"/>
          </a:xfrm>
          <a:solidFill>
            <a:schemeClr val="accent1"/>
          </a:solidFill>
        </p:grpSpPr>
        <p:sp>
          <p:nvSpPr>
            <p:cNvPr id="23" name="Freeform 5">
              <a:extLst>
                <a:ext uri="{FF2B5EF4-FFF2-40B4-BE49-F238E27FC236}">
                  <a16:creationId xmlns:a16="http://schemas.microsoft.com/office/drawing/2014/main" id="{CA59E31A-C52B-4474-A5A0-530DF770A454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57226" y="398463"/>
              <a:ext cx="452438" cy="735013"/>
            </a:xfrm>
            <a:custGeom>
              <a:avLst/>
              <a:gdLst>
                <a:gd name="T0" fmla="*/ 0 w 452"/>
                <a:gd name="T1" fmla="*/ 428 h 736"/>
                <a:gd name="T2" fmla="*/ 422 w 452"/>
                <a:gd name="T3" fmla="*/ 0 h 736"/>
                <a:gd name="T4" fmla="*/ 452 w 452"/>
                <a:gd name="T5" fmla="*/ 144 h 736"/>
                <a:gd name="T6" fmla="*/ 228 w 452"/>
                <a:gd name="T7" fmla="*/ 370 h 736"/>
                <a:gd name="T8" fmla="*/ 370 w 452"/>
                <a:gd name="T9" fmla="*/ 370 h 736"/>
                <a:gd name="T10" fmla="*/ 370 w 452"/>
                <a:gd name="T11" fmla="*/ 736 h 736"/>
                <a:gd name="T12" fmla="*/ 0 w 452"/>
                <a:gd name="T13" fmla="*/ 736 h 736"/>
                <a:gd name="T14" fmla="*/ 0 w 452"/>
                <a:gd name="T15" fmla="*/ 428 h 736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452" h="736">
                  <a:moveTo>
                    <a:pt x="0" y="428"/>
                  </a:moveTo>
                  <a:cubicBezTo>
                    <a:pt x="0" y="126"/>
                    <a:pt x="151" y="5"/>
                    <a:pt x="422" y="0"/>
                  </a:cubicBezTo>
                  <a:cubicBezTo>
                    <a:pt x="452" y="144"/>
                    <a:pt x="452" y="144"/>
                    <a:pt x="452" y="144"/>
                  </a:cubicBezTo>
                  <a:cubicBezTo>
                    <a:pt x="294" y="160"/>
                    <a:pt x="217" y="240"/>
                    <a:pt x="228" y="370"/>
                  </a:cubicBezTo>
                  <a:cubicBezTo>
                    <a:pt x="370" y="370"/>
                    <a:pt x="370" y="370"/>
                    <a:pt x="370" y="370"/>
                  </a:cubicBezTo>
                  <a:cubicBezTo>
                    <a:pt x="370" y="736"/>
                    <a:pt x="370" y="736"/>
                    <a:pt x="370" y="736"/>
                  </a:cubicBezTo>
                  <a:cubicBezTo>
                    <a:pt x="0" y="736"/>
                    <a:pt x="0" y="736"/>
                    <a:pt x="0" y="736"/>
                  </a:cubicBezTo>
                  <a:lnTo>
                    <a:pt x="0" y="428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4" name="Freeform 6">
              <a:extLst>
                <a:ext uri="{FF2B5EF4-FFF2-40B4-BE49-F238E27FC236}">
                  <a16:creationId xmlns:a16="http://schemas.microsoft.com/office/drawing/2014/main" id="{123B3F17-34EE-4FBA-8852-7ED07762D8EB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1195388" y="398463"/>
              <a:ext cx="452438" cy="735013"/>
            </a:xfrm>
            <a:custGeom>
              <a:avLst/>
              <a:gdLst>
                <a:gd name="T0" fmla="*/ 0 w 452"/>
                <a:gd name="T1" fmla="*/ 428 h 736"/>
                <a:gd name="T2" fmla="*/ 422 w 452"/>
                <a:gd name="T3" fmla="*/ 0 h 736"/>
                <a:gd name="T4" fmla="*/ 452 w 452"/>
                <a:gd name="T5" fmla="*/ 144 h 736"/>
                <a:gd name="T6" fmla="*/ 228 w 452"/>
                <a:gd name="T7" fmla="*/ 370 h 736"/>
                <a:gd name="T8" fmla="*/ 370 w 452"/>
                <a:gd name="T9" fmla="*/ 370 h 736"/>
                <a:gd name="T10" fmla="*/ 370 w 452"/>
                <a:gd name="T11" fmla="*/ 736 h 736"/>
                <a:gd name="T12" fmla="*/ 0 w 452"/>
                <a:gd name="T13" fmla="*/ 736 h 736"/>
                <a:gd name="T14" fmla="*/ 0 w 452"/>
                <a:gd name="T15" fmla="*/ 428 h 736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452" h="736">
                  <a:moveTo>
                    <a:pt x="0" y="428"/>
                  </a:moveTo>
                  <a:cubicBezTo>
                    <a:pt x="0" y="126"/>
                    <a:pt x="151" y="5"/>
                    <a:pt x="422" y="0"/>
                  </a:cubicBezTo>
                  <a:cubicBezTo>
                    <a:pt x="452" y="144"/>
                    <a:pt x="452" y="144"/>
                    <a:pt x="452" y="144"/>
                  </a:cubicBezTo>
                  <a:cubicBezTo>
                    <a:pt x="294" y="160"/>
                    <a:pt x="217" y="240"/>
                    <a:pt x="228" y="370"/>
                  </a:cubicBezTo>
                  <a:cubicBezTo>
                    <a:pt x="370" y="370"/>
                    <a:pt x="370" y="370"/>
                    <a:pt x="370" y="370"/>
                  </a:cubicBezTo>
                  <a:cubicBezTo>
                    <a:pt x="370" y="736"/>
                    <a:pt x="370" y="736"/>
                    <a:pt x="370" y="736"/>
                  </a:cubicBezTo>
                  <a:cubicBezTo>
                    <a:pt x="0" y="736"/>
                    <a:pt x="0" y="736"/>
                    <a:pt x="0" y="736"/>
                  </a:cubicBezTo>
                  <a:lnTo>
                    <a:pt x="0" y="428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</p:spTree>
    <p:extLst>
      <p:ext uri="{BB962C8B-B14F-4D97-AF65-F5344CB8AC3E}">
        <p14:creationId xmlns:p14="http://schemas.microsoft.com/office/powerpoint/2010/main" val="1200654041"/>
      </p:ext>
    </p:extLst>
  </p:cSld>
  <p:clrMapOvr>
    <a:masterClrMapping/>
  </p:clrMapOvr>
  <p:transition spd="med"/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ntent w/ Produ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Picture Placeholder 8"/>
          <p:cNvSpPr>
            <a:spLocks noGrp="1"/>
          </p:cNvSpPr>
          <p:nvPr>
            <p:ph type="pic" sz="quarter" idx="17"/>
          </p:nvPr>
        </p:nvSpPr>
        <p:spPr>
          <a:xfrm>
            <a:off x="0" y="0"/>
            <a:ext cx="6566888" cy="6858000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2400"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9" name="Content Placeholder 2"/>
          <p:cNvSpPr>
            <a:spLocks noGrp="1"/>
          </p:cNvSpPr>
          <p:nvPr>
            <p:ph sz="half" idx="18"/>
          </p:nvPr>
        </p:nvSpPr>
        <p:spPr bwMode="gray">
          <a:xfrm>
            <a:off x="6835284" y="1307592"/>
            <a:ext cx="4707555" cy="4919589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1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6835283" y="402336"/>
            <a:ext cx="4707555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title</a:t>
            </a:r>
          </a:p>
        </p:txBody>
      </p:sp>
    </p:spTree>
    <p:extLst>
      <p:ext uri="{BB962C8B-B14F-4D97-AF65-F5344CB8AC3E}">
        <p14:creationId xmlns:p14="http://schemas.microsoft.com/office/powerpoint/2010/main" val="2242055685"/>
      </p:ext>
    </p:extLst>
  </p:cSld>
  <p:clrMapOvr>
    <a:masterClrMapping/>
  </p:clrMapOvr>
  <p:transition spd="med"/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Content w/ Product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Picture Placeholder 8"/>
          <p:cNvSpPr>
            <a:spLocks noGrp="1"/>
          </p:cNvSpPr>
          <p:nvPr>
            <p:ph type="pic" sz="quarter" idx="17"/>
          </p:nvPr>
        </p:nvSpPr>
        <p:spPr>
          <a:xfrm>
            <a:off x="0" y="0"/>
            <a:ext cx="6566888" cy="6858000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2400">
                <a:solidFill>
                  <a:schemeClr val="accent1"/>
                </a:solidFill>
              </a:defRPr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9" name="Content Placeholder 2"/>
          <p:cNvSpPr>
            <a:spLocks noGrp="1"/>
          </p:cNvSpPr>
          <p:nvPr>
            <p:ph sz="half" idx="18"/>
          </p:nvPr>
        </p:nvSpPr>
        <p:spPr bwMode="gray">
          <a:xfrm>
            <a:off x="6835284" y="1307592"/>
            <a:ext cx="4707555" cy="5023760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1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6835283" y="402336"/>
            <a:ext cx="4707555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title</a:t>
            </a:r>
          </a:p>
        </p:txBody>
      </p:sp>
      <p:sp>
        <p:nvSpPr>
          <p:cNvPr id="8" name="TextBox 7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10" name="Group 9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13" name="Rectangle 12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4" name="Freeform 13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5" name="Freeform 14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6" name="Freeform 15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7" name="Freeform 16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8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9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676297037"/>
      </p:ext>
    </p:extLst>
  </p:cSld>
  <p:clrMapOvr>
    <a:masterClrMapping/>
  </p:clrMapOvr>
  <p:transition spd="med"/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hart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9" name="Chart Placeholder 2"/>
          <p:cNvSpPr>
            <a:spLocks noGrp="1"/>
          </p:cNvSpPr>
          <p:nvPr>
            <p:ph type="chart" sz="quarter" idx="10" hasCustomPrompt="1"/>
          </p:nvPr>
        </p:nvSpPr>
        <p:spPr bwMode="gray">
          <a:xfrm>
            <a:off x="548639" y="1307593"/>
            <a:ext cx="11073385" cy="4919588"/>
          </a:xfrm>
          <a:prstGeom prst="rect">
            <a:avLst/>
          </a:prstGeom>
        </p:spPr>
        <p:txBody>
          <a:bodyPr lIns="121899" tIns="853291" rIns="121899" bIns="60949" anchor="ctr" anchorCtr="0"/>
          <a:lstStyle>
            <a:lvl1pPr marL="0" indent="0" algn="ctr">
              <a:buFontTx/>
              <a:buNone/>
              <a:defRPr sz="2400" baseline="0">
                <a:solidFill>
                  <a:schemeClr val="bg2"/>
                </a:solidFill>
              </a:defRPr>
            </a:lvl1pPr>
          </a:lstStyle>
          <a:p>
            <a:r>
              <a:rPr lang="en-US" dirty="0"/>
              <a:t>Click icon to create chart</a:t>
            </a:r>
          </a:p>
        </p:txBody>
      </p:sp>
    </p:spTree>
    <p:extLst>
      <p:ext uri="{BB962C8B-B14F-4D97-AF65-F5344CB8AC3E}">
        <p14:creationId xmlns:p14="http://schemas.microsoft.com/office/powerpoint/2010/main" val="113576614"/>
      </p:ext>
    </p:extLst>
  </p:cSld>
  <p:clrMapOvr>
    <a:masterClrMapping/>
  </p:clrMapOvr>
  <p:transition spd="med"/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hart Slide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9" name="Chart Placeholder 2"/>
          <p:cNvSpPr>
            <a:spLocks noGrp="1"/>
          </p:cNvSpPr>
          <p:nvPr>
            <p:ph type="chart" sz="quarter" idx="10" hasCustomPrompt="1"/>
          </p:nvPr>
        </p:nvSpPr>
        <p:spPr bwMode="gray">
          <a:xfrm>
            <a:off x="548639" y="1307593"/>
            <a:ext cx="11073385" cy="4919588"/>
          </a:xfrm>
          <a:prstGeom prst="rect">
            <a:avLst/>
          </a:prstGeom>
        </p:spPr>
        <p:txBody>
          <a:bodyPr lIns="121899" tIns="853291" rIns="121899" bIns="60949" anchor="ctr" anchorCtr="0"/>
          <a:lstStyle>
            <a:lvl1pPr marL="0" indent="0" algn="ctr">
              <a:buFontTx/>
              <a:buNone/>
              <a:defRPr sz="2400" baseline="0">
                <a:solidFill>
                  <a:schemeClr val="bg1"/>
                </a:solidFill>
              </a:defRPr>
            </a:lvl1pPr>
          </a:lstStyle>
          <a:p>
            <a:r>
              <a:rPr lang="en-US" dirty="0"/>
              <a:t>Click icon to create chart</a:t>
            </a:r>
          </a:p>
        </p:txBody>
      </p:sp>
      <p:sp>
        <p:nvSpPr>
          <p:cNvPr id="6" name="TextBox 5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7" name="Group 6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8" name="Rectangle 7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2" name="Freeform 11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3" name="Freeform 12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4" name="Freeform 13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5" name="Freeform 14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6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7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4230333210"/>
      </p:ext>
    </p:extLst>
  </p:cSld>
  <p:clrMapOvr>
    <a:masterClrMapping/>
  </p:clrMapOvr>
  <p:transition spd="med"/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463835932"/>
      </p:ext>
    </p:extLst>
  </p:cSld>
  <p:clrMapOvr>
    <a:masterClrMapping/>
  </p:clrMapOvr>
  <p:transition spd="med"/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Blank Slide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15" name="Group 14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16" name="Rectangle 15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7" name="Freeform 16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8" name="Freeform 17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9" name="Freeform 18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0" name="Freeform 19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1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22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737376891"/>
      </p:ext>
    </p:extLst>
  </p:cSld>
  <p:clrMapOvr>
    <a:masterClrMapping/>
  </p:clrMapOvr>
  <p:transition spd="med"/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Closing Slide_Black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>
            <a:extLst>
              <a:ext uri="{FF2B5EF4-FFF2-40B4-BE49-F238E27FC236}">
                <a16:creationId xmlns:a16="http://schemas.microsoft.com/office/drawing/2014/main" id="{4A528FCF-65A1-4B76-B528-87D9B0FBE527}"/>
              </a:ext>
            </a:extLst>
          </p:cNvPr>
          <p:cNvGrpSpPr/>
          <p:nvPr userDrawn="1"/>
        </p:nvGrpSpPr>
        <p:grpSpPr>
          <a:xfrm>
            <a:off x="9390324" y="1007069"/>
            <a:ext cx="1965963" cy="1042086"/>
            <a:chOff x="4988072" y="501936"/>
            <a:chExt cx="1978802" cy="1051017"/>
          </a:xfrm>
          <a:solidFill>
            <a:schemeClr val="accent1"/>
          </a:solidFill>
        </p:grpSpPr>
        <p:sp>
          <p:nvSpPr>
            <p:cNvPr id="5" name="Freeform 5">
              <a:extLst>
                <a:ext uri="{FF2B5EF4-FFF2-40B4-BE49-F238E27FC236}">
                  <a16:creationId xmlns:a16="http://schemas.microsoft.com/office/drawing/2014/main" id="{E950DA20-7427-46C1-BEA5-8D227DE3EA00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559016" y="501936"/>
              <a:ext cx="218094" cy="282813"/>
            </a:xfrm>
            <a:custGeom>
              <a:avLst/>
              <a:gdLst>
                <a:gd name="T0" fmla="*/ 0 w 502"/>
                <a:gd name="T1" fmla="*/ 550 h 651"/>
                <a:gd name="T2" fmla="*/ 83 w 502"/>
                <a:gd name="T3" fmla="*/ 451 h 651"/>
                <a:gd name="T4" fmla="*/ 272 w 502"/>
                <a:gd name="T5" fmla="*/ 528 h 651"/>
                <a:gd name="T6" fmla="*/ 363 w 502"/>
                <a:gd name="T7" fmla="*/ 469 h 651"/>
                <a:gd name="T8" fmla="*/ 363 w 502"/>
                <a:gd name="T9" fmla="*/ 467 h 651"/>
                <a:gd name="T10" fmla="*/ 236 w 502"/>
                <a:gd name="T11" fmla="*/ 386 h 651"/>
                <a:gd name="T12" fmla="*/ 26 w 502"/>
                <a:gd name="T13" fmla="*/ 192 h 651"/>
                <a:gd name="T14" fmla="*/ 26 w 502"/>
                <a:gd name="T15" fmla="*/ 191 h 651"/>
                <a:gd name="T16" fmla="*/ 247 w 502"/>
                <a:gd name="T17" fmla="*/ 0 h 651"/>
                <a:gd name="T18" fmla="*/ 483 w 502"/>
                <a:gd name="T19" fmla="*/ 80 h 651"/>
                <a:gd name="T20" fmla="*/ 410 w 502"/>
                <a:gd name="T21" fmla="*/ 185 h 651"/>
                <a:gd name="T22" fmla="*/ 246 w 502"/>
                <a:gd name="T23" fmla="*/ 123 h 651"/>
                <a:gd name="T24" fmla="*/ 164 w 502"/>
                <a:gd name="T25" fmla="*/ 178 h 651"/>
                <a:gd name="T26" fmla="*/ 164 w 502"/>
                <a:gd name="T27" fmla="*/ 180 h 651"/>
                <a:gd name="T28" fmla="*/ 301 w 502"/>
                <a:gd name="T29" fmla="*/ 263 h 651"/>
                <a:gd name="T30" fmla="*/ 502 w 502"/>
                <a:gd name="T31" fmla="*/ 453 h 651"/>
                <a:gd name="T32" fmla="*/ 502 w 502"/>
                <a:gd name="T33" fmla="*/ 455 h 651"/>
                <a:gd name="T34" fmla="*/ 269 w 502"/>
                <a:gd name="T35" fmla="*/ 651 h 651"/>
                <a:gd name="T36" fmla="*/ 0 w 502"/>
                <a:gd name="T37" fmla="*/ 550 h 651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</a:cxnLst>
              <a:rect l="0" t="0" r="r" b="b"/>
              <a:pathLst>
                <a:path w="502" h="651">
                  <a:moveTo>
                    <a:pt x="0" y="550"/>
                  </a:moveTo>
                  <a:cubicBezTo>
                    <a:pt x="83" y="451"/>
                    <a:pt x="83" y="451"/>
                    <a:pt x="83" y="451"/>
                  </a:cubicBezTo>
                  <a:cubicBezTo>
                    <a:pt x="140" y="498"/>
                    <a:pt x="200" y="528"/>
                    <a:pt x="272" y="528"/>
                  </a:cubicBezTo>
                  <a:cubicBezTo>
                    <a:pt x="329" y="528"/>
                    <a:pt x="363" y="506"/>
                    <a:pt x="363" y="469"/>
                  </a:cubicBezTo>
                  <a:cubicBezTo>
                    <a:pt x="363" y="467"/>
                    <a:pt x="363" y="467"/>
                    <a:pt x="363" y="467"/>
                  </a:cubicBezTo>
                  <a:cubicBezTo>
                    <a:pt x="363" y="431"/>
                    <a:pt x="342" y="413"/>
                    <a:pt x="236" y="386"/>
                  </a:cubicBezTo>
                  <a:cubicBezTo>
                    <a:pt x="108" y="354"/>
                    <a:pt x="26" y="318"/>
                    <a:pt x="26" y="192"/>
                  </a:cubicBezTo>
                  <a:cubicBezTo>
                    <a:pt x="26" y="191"/>
                    <a:pt x="26" y="191"/>
                    <a:pt x="26" y="191"/>
                  </a:cubicBezTo>
                  <a:cubicBezTo>
                    <a:pt x="26" y="76"/>
                    <a:pt x="118" y="0"/>
                    <a:pt x="247" y="0"/>
                  </a:cubicBezTo>
                  <a:cubicBezTo>
                    <a:pt x="340" y="0"/>
                    <a:pt x="419" y="29"/>
                    <a:pt x="483" y="80"/>
                  </a:cubicBezTo>
                  <a:cubicBezTo>
                    <a:pt x="410" y="185"/>
                    <a:pt x="410" y="185"/>
                    <a:pt x="410" y="185"/>
                  </a:cubicBezTo>
                  <a:cubicBezTo>
                    <a:pt x="354" y="146"/>
                    <a:pt x="299" y="123"/>
                    <a:pt x="246" y="123"/>
                  </a:cubicBezTo>
                  <a:cubicBezTo>
                    <a:pt x="192" y="123"/>
                    <a:pt x="164" y="147"/>
                    <a:pt x="164" y="178"/>
                  </a:cubicBezTo>
                  <a:cubicBezTo>
                    <a:pt x="164" y="180"/>
                    <a:pt x="164" y="180"/>
                    <a:pt x="164" y="180"/>
                  </a:cubicBezTo>
                  <a:cubicBezTo>
                    <a:pt x="164" y="221"/>
                    <a:pt x="191" y="235"/>
                    <a:pt x="301" y="263"/>
                  </a:cubicBezTo>
                  <a:cubicBezTo>
                    <a:pt x="429" y="297"/>
                    <a:pt x="502" y="343"/>
                    <a:pt x="502" y="453"/>
                  </a:cubicBezTo>
                  <a:cubicBezTo>
                    <a:pt x="502" y="455"/>
                    <a:pt x="502" y="455"/>
                    <a:pt x="502" y="455"/>
                  </a:cubicBezTo>
                  <a:cubicBezTo>
                    <a:pt x="502" y="581"/>
                    <a:pt x="406" y="651"/>
                    <a:pt x="269" y="651"/>
                  </a:cubicBezTo>
                  <a:cubicBezTo>
                    <a:pt x="173" y="651"/>
                    <a:pt x="76" y="618"/>
                    <a:pt x="0" y="550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6" name="Freeform 6">
              <a:extLst>
                <a:ext uri="{FF2B5EF4-FFF2-40B4-BE49-F238E27FC236}">
                  <a16:creationId xmlns:a16="http://schemas.microsoft.com/office/drawing/2014/main" id="{1E66A364-6FA3-44DA-A21C-9F26B5A3F953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791295" y="566212"/>
              <a:ext cx="322264" cy="214547"/>
            </a:xfrm>
            <a:custGeom>
              <a:avLst/>
              <a:gdLst>
                <a:gd name="T0" fmla="*/ 0 w 741"/>
                <a:gd name="T1" fmla="*/ 9 h 494"/>
                <a:gd name="T2" fmla="*/ 138 w 741"/>
                <a:gd name="T3" fmla="*/ 9 h 494"/>
                <a:gd name="T4" fmla="*/ 138 w 741"/>
                <a:gd name="T5" fmla="*/ 78 h 494"/>
                <a:gd name="T6" fmla="*/ 281 w 741"/>
                <a:gd name="T7" fmla="*/ 0 h 494"/>
                <a:gd name="T8" fmla="*/ 418 w 741"/>
                <a:gd name="T9" fmla="*/ 77 h 494"/>
                <a:gd name="T10" fmla="*/ 577 w 741"/>
                <a:gd name="T11" fmla="*/ 0 h 494"/>
                <a:gd name="T12" fmla="*/ 741 w 741"/>
                <a:gd name="T13" fmla="*/ 178 h 494"/>
                <a:gd name="T14" fmla="*/ 741 w 741"/>
                <a:gd name="T15" fmla="*/ 494 h 494"/>
                <a:gd name="T16" fmla="*/ 603 w 741"/>
                <a:gd name="T17" fmla="*/ 494 h 494"/>
                <a:gd name="T18" fmla="*/ 603 w 741"/>
                <a:gd name="T19" fmla="*/ 224 h 494"/>
                <a:gd name="T20" fmla="*/ 523 w 741"/>
                <a:gd name="T21" fmla="*/ 125 h 494"/>
                <a:gd name="T22" fmla="*/ 439 w 741"/>
                <a:gd name="T23" fmla="*/ 224 h 494"/>
                <a:gd name="T24" fmla="*/ 439 w 741"/>
                <a:gd name="T25" fmla="*/ 494 h 494"/>
                <a:gd name="T26" fmla="*/ 302 w 741"/>
                <a:gd name="T27" fmla="*/ 494 h 494"/>
                <a:gd name="T28" fmla="*/ 302 w 741"/>
                <a:gd name="T29" fmla="*/ 224 h 494"/>
                <a:gd name="T30" fmla="*/ 221 w 741"/>
                <a:gd name="T31" fmla="*/ 125 h 494"/>
                <a:gd name="T32" fmla="*/ 138 w 741"/>
                <a:gd name="T33" fmla="*/ 224 h 494"/>
                <a:gd name="T34" fmla="*/ 138 w 741"/>
                <a:gd name="T35" fmla="*/ 494 h 494"/>
                <a:gd name="T36" fmla="*/ 0 w 741"/>
                <a:gd name="T37" fmla="*/ 494 h 494"/>
                <a:gd name="T38" fmla="*/ 0 w 741"/>
                <a:gd name="T39" fmla="*/ 9 h 49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</a:cxnLst>
              <a:rect l="0" t="0" r="r" b="b"/>
              <a:pathLst>
                <a:path w="741" h="494">
                  <a:moveTo>
                    <a:pt x="0" y="9"/>
                  </a:moveTo>
                  <a:cubicBezTo>
                    <a:pt x="138" y="9"/>
                    <a:pt x="138" y="9"/>
                    <a:pt x="138" y="9"/>
                  </a:cubicBezTo>
                  <a:cubicBezTo>
                    <a:pt x="138" y="78"/>
                    <a:pt x="138" y="78"/>
                    <a:pt x="138" y="78"/>
                  </a:cubicBezTo>
                  <a:cubicBezTo>
                    <a:pt x="170" y="37"/>
                    <a:pt x="211" y="0"/>
                    <a:pt x="281" y="0"/>
                  </a:cubicBezTo>
                  <a:cubicBezTo>
                    <a:pt x="344" y="0"/>
                    <a:pt x="392" y="28"/>
                    <a:pt x="418" y="77"/>
                  </a:cubicBezTo>
                  <a:cubicBezTo>
                    <a:pt x="460" y="27"/>
                    <a:pt x="511" y="0"/>
                    <a:pt x="577" y="0"/>
                  </a:cubicBezTo>
                  <a:cubicBezTo>
                    <a:pt x="679" y="0"/>
                    <a:pt x="741" y="62"/>
                    <a:pt x="741" y="178"/>
                  </a:cubicBezTo>
                  <a:cubicBezTo>
                    <a:pt x="741" y="494"/>
                    <a:pt x="741" y="494"/>
                    <a:pt x="741" y="494"/>
                  </a:cubicBezTo>
                  <a:cubicBezTo>
                    <a:pt x="603" y="494"/>
                    <a:pt x="603" y="494"/>
                    <a:pt x="603" y="494"/>
                  </a:cubicBezTo>
                  <a:cubicBezTo>
                    <a:pt x="603" y="224"/>
                    <a:pt x="603" y="224"/>
                    <a:pt x="603" y="224"/>
                  </a:cubicBezTo>
                  <a:cubicBezTo>
                    <a:pt x="603" y="159"/>
                    <a:pt x="574" y="125"/>
                    <a:pt x="523" y="125"/>
                  </a:cubicBezTo>
                  <a:cubicBezTo>
                    <a:pt x="471" y="125"/>
                    <a:pt x="439" y="159"/>
                    <a:pt x="439" y="224"/>
                  </a:cubicBezTo>
                  <a:cubicBezTo>
                    <a:pt x="439" y="494"/>
                    <a:pt x="439" y="494"/>
                    <a:pt x="439" y="494"/>
                  </a:cubicBezTo>
                  <a:cubicBezTo>
                    <a:pt x="302" y="494"/>
                    <a:pt x="302" y="494"/>
                    <a:pt x="302" y="494"/>
                  </a:cubicBezTo>
                  <a:cubicBezTo>
                    <a:pt x="302" y="224"/>
                    <a:pt x="302" y="224"/>
                    <a:pt x="302" y="224"/>
                  </a:cubicBezTo>
                  <a:cubicBezTo>
                    <a:pt x="302" y="159"/>
                    <a:pt x="273" y="125"/>
                    <a:pt x="221" y="125"/>
                  </a:cubicBezTo>
                  <a:cubicBezTo>
                    <a:pt x="170" y="125"/>
                    <a:pt x="138" y="159"/>
                    <a:pt x="138" y="224"/>
                  </a:cubicBezTo>
                  <a:cubicBezTo>
                    <a:pt x="138" y="494"/>
                    <a:pt x="138" y="494"/>
                    <a:pt x="138" y="494"/>
                  </a:cubicBezTo>
                  <a:cubicBezTo>
                    <a:pt x="0" y="494"/>
                    <a:pt x="0" y="494"/>
                    <a:pt x="0" y="494"/>
                  </a:cubicBezTo>
                  <a:lnTo>
                    <a:pt x="0" y="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7" name="Freeform 7">
              <a:extLst>
                <a:ext uri="{FF2B5EF4-FFF2-40B4-BE49-F238E27FC236}">
                  <a16:creationId xmlns:a16="http://schemas.microsoft.com/office/drawing/2014/main" id="{E0EB87D4-584F-4884-9809-2618B5F0BE8E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125971" y="567985"/>
              <a:ext cx="193713" cy="216764"/>
            </a:xfrm>
            <a:custGeom>
              <a:avLst/>
              <a:gdLst>
                <a:gd name="T0" fmla="*/ 0 w 446"/>
                <a:gd name="T1" fmla="*/ 351 h 499"/>
                <a:gd name="T2" fmla="*/ 0 w 446"/>
                <a:gd name="T3" fmla="*/ 349 h 499"/>
                <a:gd name="T4" fmla="*/ 195 w 446"/>
                <a:gd name="T5" fmla="*/ 194 h 499"/>
                <a:gd name="T6" fmla="*/ 314 w 446"/>
                <a:gd name="T7" fmla="*/ 214 h 499"/>
                <a:gd name="T8" fmla="*/ 314 w 446"/>
                <a:gd name="T9" fmla="*/ 206 h 499"/>
                <a:gd name="T10" fmla="*/ 210 w 446"/>
                <a:gd name="T11" fmla="*/ 117 h 499"/>
                <a:gd name="T12" fmla="*/ 76 w 446"/>
                <a:gd name="T13" fmla="*/ 144 h 499"/>
                <a:gd name="T14" fmla="*/ 42 w 446"/>
                <a:gd name="T15" fmla="*/ 39 h 499"/>
                <a:gd name="T16" fmla="*/ 230 w 446"/>
                <a:gd name="T17" fmla="*/ 0 h 499"/>
                <a:gd name="T18" fmla="*/ 394 w 446"/>
                <a:gd name="T19" fmla="*/ 54 h 499"/>
                <a:gd name="T20" fmla="*/ 446 w 446"/>
                <a:gd name="T21" fmla="*/ 209 h 499"/>
                <a:gd name="T22" fmla="*/ 446 w 446"/>
                <a:gd name="T23" fmla="*/ 490 h 499"/>
                <a:gd name="T24" fmla="*/ 313 w 446"/>
                <a:gd name="T25" fmla="*/ 490 h 499"/>
                <a:gd name="T26" fmla="*/ 313 w 446"/>
                <a:gd name="T27" fmla="*/ 438 h 499"/>
                <a:gd name="T28" fmla="*/ 166 w 446"/>
                <a:gd name="T29" fmla="*/ 499 h 499"/>
                <a:gd name="T30" fmla="*/ 0 w 446"/>
                <a:gd name="T31" fmla="*/ 351 h 499"/>
                <a:gd name="T32" fmla="*/ 316 w 446"/>
                <a:gd name="T33" fmla="*/ 319 h 499"/>
                <a:gd name="T34" fmla="*/ 316 w 446"/>
                <a:gd name="T35" fmla="*/ 295 h 499"/>
                <a:gd name="T36" fmla="*/ 228 w 446"/>
                <a:gd name="T37" fmla="*/ 277 h 499"/>
                <a:gd name="T38" fmla="*/ 133 w 446"/>
                <a:gd name="T39" fmla="*/ 344 h 499"/>
                <a:gd name="T40" fmla="*/ 133 w 446"/>
                <a:gd name="T41" fmla="*/ 346 h 499"/>
                <a:gd name="T42" fmla="*/ 208 w 446"/>
                <a:gd name="T43" fmla="*/ 404 h 499"/>
                <a:gd name="T44" fmla="*/ 316 w 446"/>
                <a:gd name="T45" fmla="*/ 319 h 49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</a:cxnLst>
              <a:rect l="0" t="0" r="r" b="b"/>
              <a:pathLst>
                <a:path w="446" h="499">
                  <a:moveTo>
                    <a:pt x="0" y="351"/>
                  </a:moveTo>
                  <a:cubicBezTo>
                    <a:pt x="0" y="349"/>
                    <a:pt x="0" y="349"/>
                    <a:pt x="0" y="349"/>
                  </a:cubicBezTo>
                  <a:cubicBezTo>
                    <a:pt x="0" y="243"/>
                    <a:pt x="80" y="194"/>
                    <a:pt x="195" y="194"/>
                  </a:cubicBezTo>
                  <a:cubicBezTo>
                    <a:pt x="244" y="194"/>
                    <a:pt x="280" y="202"/>
                    <a:pt x="314" y="214"/>
                  </a:cubicBezTo>
                  <a:cubicBezTo>
                    <a:pt x="314" y="206"/>
                    <a:pt x="314" y="206"/>
                    <a:pt x="314" y="206"/>
                  </a:cubicBezTo>
                  <a:cubicBezTo>
                    <a:pt x="314" y="149"/>
                    <a:pt x="279" y="117"/>
                    <a:pt x="210" y="117"/>
                  </a:cubicBezTo>
                  <a:cubicBezTo>
                    <a:pt x="157" y="117"/>
                    <a:pt x="120" y="127"/>
                    <a:pt x="76" y="144"/>
                  </a:cubicBezTo>
                  <a:cubicBezTo>
                    <a:pt x="42" y="39"/>
                    <a:pt x="42" y="39"/>
                    <a:pt x="42" y="39"/>
                  </a:cubicBezTo>
                  <a:cubicBezTo>
                    <a:pt x="95" y="15"/>
                    <a:pt x="147" y="0"/>
                    <a:pt x="230" y="0"/>
                  </a:cubicBezTo>
                  <a:cubicBezTo>
                    <a:pt x="305" y="0"/>
                    <a:pt x="359" y="20"/>
                    <a:pt x="394" y="54"/>
                  </a:cubicBezTo>
                  <a:cubicBezTo>
                    <a:pt x="430" y="90"/>
                    <a:pt x="446" y="144"/>
                    <a:pt x="446" y="209"/>
                  </a:cubicBezTo>
                  <a:cubicBezTo>
                    <a:pt x="446" y="490"/>
                    <a:pt x="446" y="490"/>
                    <a:pt x="446" y="490"/>
                  </a:cubicBezTo>
                  <a:cubicBezTo>
                    <a:pt x="313" y="490"/>
                    <a:pt x="313" y="490"/>
                    <a:pt x="313" y="490"/>
                  </a:cubicBezTo>
                  <a:cubicBezTo>
                    <a:pt x="313" y="438"/>
                    <a:pt x="313" y="438"/>
                    <a:pt x="313" y="438"/>
                  </a:cubicBezTo>
                  <a:cubicBezTo>
                    <a:pt x="280" y="475"/>
                    <a:pt x="233" y="499"/>
                    <a:pt x="166" y="499"/>
                  </a:cubicBezTo>
                  <a:cubicBezTo>
                    <a:pt x="75" y="499"/>
                    <a:pt x="0" y="447"/>
                    <a:pt x="0" y="351"/>
                  </a:cubicBezTo>
                  <a:close/>
                  <a:moveTo>
                    <a:pt x="316" y="319"/>
                  </a:moveTo>
                  <a:cubicBezTo>
                    <a:pt x="316" y="295"/>
                    <a:pt x="316" y="295"/>
                    <a:pt x="316" y="295"/>
                  </a:cubicBezTo>
                  <a:cubicBezTo>
                    <a:pt x="292" y="284"/>
                    <a:pt x="262" y="277"/>
                    <a:pt x="228" y="277"/>
                  </a:cubicBezTo>
                  <a:cubicBezTo>
                    <a:pt x="169" y="277"/>
                    <a:pt x="133" y="300"/>
                    <a:pt x="133" y="344"/>
                  </a:cubicBezTo>
                  <a:cubicBezTo>
                    <a:pt x="133" y="346"/>
                    <a:pt x="133" y="346"/>
                    <a:pt x="133" y="346"/>
                  </a:cubicBezTo>
                  <a:cubicBezTo>
                    <a:pt x="133" y="383"/>
                    <a:pt x="164" y="404"/>
                    <a:pt x="208" y="404"/>
                  </a:cubicBezTo>
                  <a:cubicBezTo>
                    <a:pt x="272" y="404"/>
                    <a:pt x="316" y="369"/>
                    <a:pt x="316" y="319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8" name="Freeform 8">
              <a:extLst>
                <a:ext uri="{FF2B5EF4-FFF2-40B4-BE49-F238E27FC236}">
                  <a16:creationId xmlns:a16="http://schemas.microsoft.com/office/drawing/2014/main" id="{951E8447-9E0F-4D78-B1FD-2CADDD35003E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336529" y="564438"/>
              <a:ext cx="127665" cy="216321"/>
            </a:xfrm>
            <a:custGeom>
              <a:avLst/>
              <a:gdLst>
                <a:gd name="T0" fmla="*/ 0 w 293"/>
                <a:gd name="T1" fmla="*/ 13 h 498"/>
                <a:gd name="T2" fmla="*/ 138 w 293"/>
                <a:gd name="T3" fmla="*/ 13 h 498"/>
                <a:gd name="T4" fmla="*/ 138 w 293"/>
                <a:gd name="T5" fmla="*/ 111 h 498"/>
                <a:gd name="T6" fmla="*/ 293 w 293"/>
                <a:gd name="T7" fmla="*/ 4 h 498"/>
                <a:gd name="T8" fmla="*/ 293 w 293"/>
                <a:gd name="T9" fmla="*/ 148 h 498"/>
                <a:gd name="T10" fmla="*/ 285 w 293"/>
                <a:gd name="T11" fmla="*/ 148 h 498"/>
                <a:gd name="T12" fmla="*/ 138 w 293"/>
                <a:gd name="T13" fmla="*/ 319 h 498"/>
                <a:gd name="T14" fmla="*/ 138 w 293"/>
                <a:gd name="T15" fmla="*/ 498 h 498"/>
                <a:gd name="T16" fmla="*/ 0 w 293"/>
                <a:gd name="T17" fmla="*/ 498 h 498"/>
                <a:gd name="T18" fmla="*/ 0 w 293"/>
                <a:gd name="T19" fmla="*/ 13 h 49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293" h="498">
                  <a:moveTo>
                    <a:pt x="0" y="13"/>
                  </a:moveTo>
                  <a:cubicBezTo>
                    <a:pt x="138" y="13"/>
                    <a:pt x="138" y="13"/>
                    <a:pt x="138" y="13"/>
                  </a:cubicBezTo>
                  <a:cubicBezTo>
                    <a:pt x="138" y="111"/>
                    <a:pt x="138" y="111"/>
                    <a:pt x="138" y="111"/>
                  </a:cubicBezTo>
                  <a:cubicBezTo>
                    <a:pt x="166" y="44"/>
                    <a:pt x="211" y="0"/>
                    <a:pt x="293" y="4"/>
                  </a:cubicBezTo>
                  <a:cubicBezTo>
                    <a:pt x="293" y="148"/>
                    <a:pt x="293" y="148"/>
                    <a:pt x="293" y="148"/>
                  </a:cubicBezTo>
                  <a:cubicBezTo>
                    <a:pt x="285" y="148"/>
                    <a:pt x="285" y="148"/>
                    <a:pt x="285" y="148"/>
                  </a:cubicBezTo>
                  <a:cubicBezTo>
                    <a:pt x="194" y="148"/>
                    <a:pt x="138" y="203"/>
                    <a:pt x="138" y="319"/>
                  </a:cubicBezTo>
                  <a:cubicBezTo>
                    <a:pt x="138" y="498"/>
                    <a:pt x="138" y="498"/>
                    <a:pt x="138" y="498"/>
                  </a:cubicBezTo>
                  <a:cubicBezTo>
                    <a:pt x="0" y="498"/>
                    <a:pt x="0" y="498"/>
                    <a:pt x="0" y="498"/>
                  </a:cubicBezTo>
                  <a:lnTo>
                    <a:pt x="0" y="13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9" name="Freeform 9">
              <a:extLst>
                <a:ext uri="{FF2B5EF4-FFF2-40B4-BE49-F238E27FC236}">
                  <a16:creationId xmlns:a16="http://schemas.microsoft.com/office/drawing/2014/main" id="{D7E48906-CF13-457A-BF96-6C8E5166477C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475719" y="516121"/>
              <a:ext cx="134757" cy="268184"/>
            </a:xfrm>
            <a:custGeom>
              <a:avLst/>
              <a:gdLst>
                <a:gd name="T0" fmla="*/ 58 w 310"/>
                <a:gd name="T1" fmla="*/ 472 h 617"/>
                <a:gd name="T2" fmla="*/ 58 w 310"/>
                <a:gd name="T3" fmla="*/ 242 h 617"/>
                <a:gd name="T4" fmla="*/ 0 w 310"/>
                <a:gd name="T5" fmla="*/ 242 h 617"/>
                <a:gd name="T6" fmla="*/ 0 w 310"/>
                <a:gd name="T7" fmla="*/ 124 h 617"/>
                <a:gd name="T8" fmla="*/ 58 w 310"/>
                <a:gd name="T9" fmla="*/ 124 h 617"/>
                <a:gd name="T10" fmla="*/ 58 w 310"/>
                <a:gd name="T11" fmla="*/ 0 h 617"/>
                <a:gd name="T12" fmla="*/ 196 w 310"/>
                <a:gd name="T13" fmla="*/ 0 h 617"/>
                <a:gd name="T14" fmla="*/ 196 w 310"/>
                <a:gd name="T15" fmla="*/ 124 h 617"/>
                <a:gd name="T16" fmla="*/ 310 w 310"/>
                <a:gd name="T17" fmla="*/ 124 h 617"/>
                <a:gd name="T18" fmla="*/ 310 w 310"/>
                <a:gd name="T19" fmla="*/ 242 h 617"/>
                <a:gd name="T20" fmla="*/ 196 w 310"/>
                <a:gd name="T21" fmla="*/ 242 h 617"/>
                <a:gd name="T22" fmla="*/ 196 w 310"/>
                <a:gd name="T23" fmla="*/ 449 h 617"/>
                <a:gd name="T24" fmla="*/ 240 w 310"/>
                <a:gd name="T25" fmla="*/ 496 h 617"/>
                <a:gd name="T26" fmla="*/ 308 w 310"/>
                <a:gd name="T27" fmla="*/ 479 h 617"/>
                <a:gd name="T28" fmla="*/ 308 w 310"/>
                <a:gd name="T29" fmla="*/ 589 h 617"/>
                <a:gd name="T30" fmla="*/ 199 w 310"/>
                <a:gd name="T31" fmla="*/ 617 h 617"/>
                <a:gd name="T32" fmla="*/ 58 w 310"/>
                <a:gd name="T33" fmla="*/ 472 h 617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</a:cxnLst>
              <a:rect l="0" t="0" r="r" b="b"/>
              <a:pathLst>
                <a:path w="310" h="617">
                  <a:moveTo>
                    <a:pt x="58" y="472"/>
                  </a:moveTo>
                  <a:cubicBezTo>
                    <a:pt x="58" y="242"/>
                    <a:pt x="58" y="242"/>
                    <a:pt x="58" y="242"/>
                  </a:cubicBezTo>
                  <a:cubicBezTo>
                    <a:pt x="0" y="242"/>
                    <a:pt x="0" y="242"/>
                    <a:pt x="0" y="242"/>
                  </a:cubicBezTo>
                  <a:cubicBezTo>
                    <a:pt x="0" y="124"/>
                    <a:pt x="0" y="124"/>
                    <a:pt x="0" y="124"/>
                  </a:cubicBezTo>
                  <a:cubicBezTo>
                    <a:pt x="58" y="124"/>
                    <a:pt x="58" y="124"/>
                    <a:pt x="58" y="124"/>
                  </a:cubicBezTo>
                  <a:cubicBezTo>
                    <a:pt x="58" y="0"/>
                    <a:pt x="58" y="0"/>
                    <a:pt x="58" y="0"/>
                  </a:cubicBezTo>
                  <a:cubicBezTo>
                    <a:pt x="196" y="0"/>
                    <a:pt x="196" y="0"/>
                    <a:pt x="196" y="0"/>
                  </a:cubicBezTo>
                  <a:cubicBezTo>
                    <a:pt x="196" y="124"/>
                    <a:pt x="196" y="124"/>
                    <a:pt x="196" y="124"/>
                  </a:cubicBezTo>
                  <a:cubicBezTo>
                    <a:pt x="310" y="124"/>
                    <a:pt x="310" y="124"/>
                    <a:pt x="310" y="124"/>
                  </a:cubicBezTo>
                  <a:cubicBezTo>
                    <a:pt x="310" y="242"/>
                    <a:pt x="310" y="242"/>
                    <a:pt x="310" y="242"/>
                  </a:cubicBezTo>
                  <a:cubicBezTo>
                    <a:pt x="196" y="242"/>
                    <a:pt x="196" y="242"/>
                    <a:pt x="196" y="242"/>
                  </a:cubicBezTo>
                  <a:cubicBezTo>
                    <a:pt x="196" y="449"/>
                    <a:pt x="196" y="449"/>
                    <a:pt x="196" y="449"/>
                  </a:cubicBezTo>
                  <a:cubicBezTo>
                    <a:pt x="196" y="481"/>
                    <a:pt x="209" y="496"/>
                    <a:pt x="240" y="496"/>
                  </a:cubicBezTo>
                  <a:cubicBezTo>
                    <a:pt x="265" y="496"/>
                    <a:pt x="288" y="490"/>
                    <a:pt x="308" y="479"/>
                  </a:cubicBezTo>
                  <a:cubicBezTo>
                    <a:pt x="308" y="589"/>
                    <a:pt x="308" y="589"/>
                    <a:pt x="308" y="589"/>
                  </a:cubicBezTo>
                  <a:cubicBezTo>
                    <a:pt x="279" y="607"/>
                    <a:pt x="245" y="617"/>
                    <a:pt x="199" y="617"/>
                  </a:cubicBezTo>
                  <a:cubicBezTo>
                    <a:pt x="115" y="617"/>
                    <a:pt x="58" y="584"/>
                    <a:pt x="58" y="472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0" name="Freeform 10">
              <a:extLst>
                <a:ext uri="{FF2B5EF4-FFF2-40B4-BE49-F238E27FC236}">
                  <a16:creationId xmlns:a16="http://schemas.microsoft.com/office/drawing/2014/main" id="{EF43AC6D-7838-4F37-88E8-52FEBACFEE00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618455" y="566212"/>
              <a:ext cx="207012" cy="219424"/>
            </a:xfrm>
            <a:custGeom>
              <a:avLst/>
              <a:gdLst>
                <a:gd name="T0" fmla="*/ 0 w 476"/>
                <a:gd name="T1" fmla="*/ 254 h 505"/>
                <a:gd name="T2" fmla="*/ 0 w 476"/>
                <a:gd name="T3" fmla="*/ 253 h 505"/>
                <a:gd name="T4" fmla="*/ 240 w 476"/>
                <a:gd name="T5" fmla="*/ 0 h 505"/>
                <a:gd name="T6" fmla="*/ 476 w 476"/>
                <a:gd name="T7" fmla="*/ 263 h 505"/>
                <a:gd name="T8" fmla="*/ 475 w 476"/>
                <a:gd name="T9" fmla="*/ 300 h 505"/>
                <a:gd name="T10" fmla="*/ 137 w 476"/>
                <a:gd name="T11" fmla="*/ 300 h 505"/>
                <a:gd name="T12" fmla="*/ 256 w 476"/>
                <a:gd name="T13" fmla="*/ 395 h 505"/>
                <a:gd name="T14" fmla="*/ 373 w 476"/>
                <a:gd name="T15" fmla="*/ 345 h 505"/>
                <a:gd name="T16" fmla="*/ 452 w 476"/>
                <a:gd name="T17" fmla="*/ 415 h 505"/>
                <a:gd name="T18" fmla="*/ 254 w 476"/>
                <a:gd name="T19" fmla="*/ 505 h 505"/>
                <a:gd name="T20" fmla="*/ 0 w 476"/>
                <a:gd name="T21" fmla="*/ 254 h 505"/>
                <a:gd name="T22" fmla="*/ 342 w 476"/>
                <a:gd name="T23" fmla="*/ 214 h 505"/>
                <a:gd name="T24" fmla="*/ 240 w 476"/>
                <a:gd name="T25" fmla="*/ 111 h 505"/>
                <a:gd name="T26" fmla="*/ 135 w 476"/>
                <a:gd name="T27" fmla="*/ 214 h 505"/>
                <a:gd name="T28" fmla="*/ 342 w 476"/>
                <a:gd name="T29" fmla="*/ 214 h 50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476" h="505">
                  <a:moveTo>
                    <a:pt x="0" y="254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4"/>
                    <a:pt x="99" y="0"/>
                    <a:pt x="240" y="0"/>
                  </a:cubicBezTo>
                  <a:cubicBezTo>
                    <a:pt x="402" y="0"/>
                    <a:pt x="476" y="126"/>
                    <a:pt x="476" y="263"/>
                  </a:cubicBezTo>
                  <a:cubicBezTo>
                    <a:pt x="476" y="274"/>
                    <a:pt x="476" y="287"/>
                    <a:pt x="475" y="300"/>
                  </a:cubicBezTo>
                  <a:cubicBezTo>
                    <a:pt x="137" y="300"/>
                    <a:pt x="137" y="300"/>
                    <a:pt x="137" y="300"/>
                  </a:cubicBezTo>
                  <a:cubicBezTo>
                    <a:pt x="151" y="362"/>
                    <a:pt x="194" y="395"/>
                    <a:pt x="256" y="395"/>
                  </a:cubicBezTo>
                  <a:cubicBezTo>
                    <a:pt x="302" y="395"/>
                    <a:pt x="335" y="380"/>
                    <a:pt x="373" y="345"/>
                  </a:cubicBezTo>
                  <a:cubicBezTo>
                    <a:pt x="452" y="415"/>
                    <a:pt x="452" y="415"/>
                    <a:pt x="452" y="415"/>
                  </a:cubicBezTo>
                  <a:cubicBezTo>
                    <a:pt x="407" y="471"/>
                    <a:pt x="342" y="505"/>
                    <a:pt x="254" y="505"/>
                  </a:cubicBezTo>
                  <a:cubicBezTo>
                    <a:pt x="108" y="505"/>
                    <a:pt x="0" y="403"/>
                    <a:pt x="0" y="254"/>
                  </a:cubicBezTo>
                  <a:close/>
                  <a:moveTo>
                    <a:pt x="342" y="214"/>
                  </a:moveTo>
                  <a:cubicBezTo>
                    <a:pt x="334" y="152"/>
                    <a:pt x="298" y="111"/>
                    <a:pt x="240" y="111"/>
                  </a:cubicBezTo>
                  <a:cubicBezTo>
                    <a:pt x="183" y="111"/>
                    <a:pt x="146" y="151"/>
                    <a:pt x="135" y="214"/>
                  </a:cubicBezTo>
                  <a:lnTo>
                    <a:pt x="342" y="214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1" name="Freeform 11">
              <a:extLst>
                <a:ext uri="{FF2B5EF4-FFF2-40B4-BE49-F238E27FC236}">
                  <a16:creationId xmlns:a16="http://schemas.microsoft.com/office/drawing/2014/main" id="{425B0672-DE59-4ECA-B0E7-B790066891FB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837879" y="564438"/>
              <a:ext cx="127221" cy="216321"/>
            </a:xfrm>
            <a:custGeom>
              <a:avLst/>
              <a:gdLst>
                <a:gd name="T0" fmla="*/ 0 w 293"/>
                <a:gd name="T1" fmla="*/ 13 h 498"/>
                <a:gd name="T2" fmla="*/ 138 w 293"/>
                <a:gd name="T3" fmla="*/ 13 h 498"/>
                <a:gd name="T4" fmla="*/ 138 w 293"/>
                <a:gd name="T5" fmla="*/ 111 h 498"/>
                <a:gd name="T6" fmla="*/ 293 w 293"/>
                <a:gd name="T7" fmla="*/ 4 h 498"/>
                <a:gd name="T8" fmla="*/ 293 w 293"/>
                <a:gd name="T9" fmla="*/ 148 h 498"/>
                <a:gd name="T10" fmla="*/ 285 w 293"/>
                <a:gd name="T11" fmla="*/ 148 h 498"/>
                <a:gd name="T12" fmla="*/ 138 w 293"/>
                <a:gd name="T13" fmla="*/ 319 h 498"/>
                <a:gd name="T14" fmla="*/ 138 w 293"/>
                <a:gd name="T15" fmla="*/ 498 h 498"/>
                <a:gd name="T16" fmla="*/ 0 w 293"/>
                <a:gd name="T17" fmla="*/ 498 h 498"/>
                <a:gd name="T18" fmla="*/ 0 w 293"/>
                <a:gd name="T19" fmla="*/ 13 h 49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293" h="498">
                  <a:moveTo>
                    <a:pt x="0" y="13"/>
                  </a:moveTo>
                  <a:cubicBezTo>
                    <a:pt x="138" y="13"/>
                    <a:pt x="138" y="13"/>
                    <a:pt x="138" y="13"/>
                  </a:cubicBezTo>
                  <a:cubicBezTo>
                    <a:pt x="138" y="111"/>
                    <a:pt x="138" y="111"/>
                    <a:pt x="138" y="111"/>
                  </a:cubicBezTo>
                  <a:cubicBezTo>
                    <a:pt x="166" y="44"/>
                    <a:pt x="211" y="0"/>
                    <a:pt x="293" y="4"/>
                  </a:cubicBezTo>
                  <a:cubicBezTo>
                    <a:pt x="293" y="148"/>
                    <a:pt x="293" y="148"/>
                    <a:pt x="293" y="148"/>
                  </a:cubicBezTo>
                  <a:cubicBezTo>
                    <a:pt x="285" y="148"/>
                    <a:pt x="285" y="148"/>
                    <a:pt x="285" y="148"/>
                  </a:cubicBezTo>
                  <a:cubicBezTo>
                    <a:pt x="194" y="148"/>
                    <a:pt x="138" y="203"/>
                    <a:pt x="138" y="319"/>
                  </a:cubicBezTo>
                  <a:cubicBezTo>
                    <a:pt x="138" y="498"/>
                    <a:pt x="138" y="498"/>
                    <a:pt x="138" y="498"/>
                  </a:cubicBezTo>
                  <a:cubicBezTo>
                    <a:pt x="0" y="498"/>
                    <a:pt x="0" y="498"/>
                    <a:pt x="0" y="498"/>
                  </a:cubicBezTo>
                  <a:lnTo>
                    <a:pt x="0" y="13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2" name="Freeform 12">
              <a:extLst>
                <a:ext uri="{FF2B5EF4-FFF2-40B4-BE49-F238E27FC236}">
                  <a16:creationId xmlns:a16="http://schemas.microsoft.com/office/drawing/2014/main" id="{48436D55-7005-4378-814F-D44CFE979F88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4988072" y="888476"/>
              <a:ext cx="134757" cy="268628"/>
            </a:xfrm>
            <a:custGeom>
              <a:avLst/>
              <a:gdLst>
                <a:gd name="T0" fmla="*/ 58 w 310"/>
                <a:gd name="T1" fmla="*/ 472 h 618"/>
                <a:gd name="T2" fmla="*/ 58 w 310"/>
                <a:gd name="T3" fmla="*/ 242 h 618"/>
                <a:gd name="T4" fmla="*/ 0 w 310"/>
                <a:gd name="T5" fmla="*/ 242 h 618"/>
                <a:gd name="T6" fmla="*/ 0 w 310"/>
                <a:gd name="T7" fmla="*/ 124 h 618"/>
                <a:gd name="T8" fmla="*/ 58 w 310"/>
                <a:gd name="T9" fmla="*/ 124 h 618"/>
                <a:gd name="T10" fmla="*/ 58 w 310"/>
                <a:gd name="T11" fmla="*/ 0 h 618"/>
                <a:gd name="T12" fmla="*/ 195 w 310"/>
                <a:gd name="T13" fmla="*/ 0 h 618"/>
                <a:gd name="T14" fmla="*/ 195 w 310"/>
                <a:gd name="T15" fmla="*/ 124 h 618"/>
                <a:gd name="T16" fmla="*/ 310 w 310"/>
                <a:gd name="T17" fmla="*/ 124 h 618"/>
                <a:gd name="T18" fmla="*/ 310 w 310"/>
                <a:gd name="T19" fmla="*/ 242 h 618"/>
                <a:gd name="T20" fmla="*/ 195 w 310"/>
                <a:gd name="T21" fmla="*/ 242 h 618"/>
                <a:gd name="T22" fmla="*/ 195 w 310"/>
                <a:gd name="T23" fmla="*/ 449 h 618"/>
                <a:gd name="T24" fmla="*/ 240 w 310"/>
                <a:gd name="T25" fmla="*/ 496 h 618"/>
                <a:gd name="T26" fmla="*/ 308 w 310"/>
                <a:gd name="T27" fmla="*/ 479 h 618"/>
                <a:gd name="T28" fmla="*/ 308 w 310"/>
                <a:gd name="T29" fmla="*/ 590 h 618"/>
                <a:gd name="T30" fmla="*/ 199 w 310"/>
                <a:gd name="T31" fmla="*/ 618 h 618"/>
                <a:gd name="T32" fmla="*/ 58 w 310"/>
                <a:gd name="T33" fmla="*/ 472 h 61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</a:cxnLst>
              <a:rect l="0" t="0" r="r" b="b"/>
              <a:pathLst>
                <a:path w="310" h="618">
                  <a:moveTo>
                    <a:pt x="58" y="472"/>
                  </a:moveTo>
                  <a:cubicBezTo>
                    <a:pt x="58" y="242"/>
                    <a:pt x="58" y="242"/>
                    <a:pt x="58" y="242"/>
                  </a:cubicBezTo>
                  <a:cubicBezTo>
                    <a:pt x="0" y="242"/>
                    <a:pt x="0" y="242"/>
                    <a:pt x="0" y="242"/>
                  </a:cubicBezTo>
                  <a:cubicBezTo>
                    <a:pt x="0" y="124"/>
                    <a:pt x="0" y="124"/>
                    <a:pt x="0" y="124"/>
                  </a:cubicBezTo>
                  <a:cubicBezTo>
                    <a:pt x="58" y="124"/>
                    <a:pt x="58" y="124"/>
                    <a:pt x="58" y="124"/>
                  </a:cubicBezTo>
                  <a:cubicBezTo>
                    <a:pt x="58" y="0"/>
                    <a:pt x="58" y="0"/>
                    <a:pt x="58" y="0"/>
                  </a:cubicBezTo>
                  <a:cubicBezTo>
                    <a:pt x="195" y="0"/>
                    <a:pt x="195" y="0"/>
                    <a:pt x="195" y="0"/>
                  </a:cubicBezTo>
                  <a:cubicBezTo>
                    <a:pt x="195" y="124"/>
                    <a:pt x="195" y="124"/>
                    <a:pt x="195" y="124"/>
                  </a:cubicBezTo>
                  <a:cubicBezTo>
                    <a:pt x="310" y="124"/>
                    <a:pt x="310" y="124"/>
                    <a:pt x="310" y="124"/>
                  </a:cubicBezTo>
                  <a:cubicBezTo>
                    <a:pt x="310" y="242"/>
                    <a:pt x="310" y="242"/>
                    <a:pt x="310" y="242"/>
                  </a:cubicBezTo>
                  <a:cubicBezTo>
                    <a:pt x="195" y="242"/>
                    <a:pt x="195" y="242"/>
                    <a:pt x="195" y="242"/>
                  </a:cubicBezTo>
                  <a:cubicBezTo>
                    <a:pt x="195" y="449"/>
                    <a:pt x="195" y="449"/>
                    <a:pt x="195" y="449"/>
                  </a:cubicBezTo>
                  <a:cubicBezTo>
                    <a:pt x="195" y="481"/>
                    <a:pt x="209" y="496"/>
                    <a:pt x="240" y="496"/>
                  </a:cubicBezTo>
                  <a:cubicBezTo>
                    <a:pt x="265" y="496"/>
                    <a:pt x="288" y="490"/>
                    <a:pt x="308" y="479"/>
                  </a:cubicBezTo>
                  <a:cubicBezTo>
                    <a:pt x="308" y="590"/>
                    <a:pt x="308" y="590"/>
                    <a:pt x="308" y="590"/>
                  </a:cubicBezTo>
                  <a:cubicBezTo>
                    <a:pt x="279" y="607"/>
                    <a:pt x="245" y="618"/>
                    <a:pt x="199" y="618"/>
                  </a:cubicBezTo>
                  <a:cubicBezTo>
                    <a:pt x="115" y="618"/>
                    <a:pt x="58" y="584"/>
                    <a:pt x="58" y="472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3" name="Freeform 13">
              <a:extLst>
                <a:ext uri="{FF2B5EF4-FFF2-40B4-BE49-F238E27FC236}">
                  <a16:creationId xmlns:a16="http://schemas.microsoft.com/office/drawing/2014/main" id="{E6A79EDF-5E61-4207-BE2D-FF92BBF8078B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5131251" y="938123"/>
              <a:ext cx="207455" cy="219867"/>
            </a:xfrm>
            <a:custGeom>
              <a:avLst/>
              <a:gdLst>
                <a:gd name="T0" fmla="*/ 0 w 477"/>
                <a:gd name="T1" fmla="*/ 254 h 505"/>
                <a:gd name="T2" fmla="*/ 0 w 477"/>
                <a:gd name="T3" fmla="*/ 253 h 505"/>
                <a:gd name="T4" fmla="*/ 240 w 477"/>
                <a:gd name="T5" fmla="*/ 0 h 505"/>
                <a:gd name="T6" fmla="*/ 477 w 477"/>
                <a:gd name="T7" fmla="*/ 263 h 505"/>
                <a:gd name="T8" fmla="*/ 475 w 477"/>
                <a:gd name="T9" fmla="*/ 300 h 505"/>
                <a:gd name="T10" fmla="*/ 137 w 477"/>
                <a:gd name="T11" fmla="*/ 300 h 505"/>
                <a:gd name="T12" fmla="*/ 256 w 477"/>
                <a:gd name="T13" fmla="*/ 395 h 505"/>
                <a:gd name="T14" fmla="*/ 373 w 477"/>
                <a:gd name="T15" fmla="*/ 345 h 505"/>
                <a:gd name="T16" fmla="*/ 452 w 477"/>
                <a:gd name="T17" fmla="*/ 415 h 505"/>
                <a:gd name="T18" fmla="*/ 254 w 477"/>
                <a:gd name="T19" fmla="*/ 505 h 505"/>
                <a:gd name="T20" fmla="*/ 0 w 477"/>
                <a:gd name="T21" fmla="*/ 254 h 505"/>
                <a:gd name="T22" fmla="*/ 343 w 477"/>
                <a:gd name="T23" fmla="*/ 214 h 505"/>
                <a:gd name="T24" fmla="*/ 240 w 477"/>
                <a:gd name="T25" fmla="*/ 111 h 505"/>
                <a:gd name="T26" fmla="*/ 135 w 477"/>
                <a:gd name="T27" fmla="*/ 214 h 505"/>
                <a:gd name="T28" fmla="*/ 343 w 477"/>
                <a:gd name="T29" fmla="*/ 214 h 50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477" h="505">
                  <a:moveTo>
                    <a:pt x="0" y="254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4"/>
                    <a:pt x="99" y="0"/>
                    <a:pt x="240" y="0"/>
                  </a:cubicBezTo>
                  <a:cubicBezTo>
                    <a:pt x="402" y="0"/>
                    <a:pt x="477" y="126"/>
                    <a:pt x="477" y="263"/>
                  </a:cubicBezTo>
                  <a:cubicBezTo>
                    <a:pt x="477" y="274"/>
                    <a:pt x="476" y="287"/>
                    <a:pt x="475" y="300"/>
                  </a:cubicBezTo>
                  <a:cubicBezTo>
                    <a:pt x="137" y="300"/>
                    <a:pt x="137" y="300"/>
                    <a:pt x="137" y="300"/>
                  </a:cubicBezTo>
                  <a:cubicBezTo>
                    <a:pt x="151" y="362"/>
                    <a:pt x="194" y="395"/>
                    <a:pt x="256" y="395"/>
                  </a:cubicBezTo>
                  <a:cubicBezTo>
                    <a:pt x="302" y="395"/>
                    <a:pt x="335" y="380"/>
                    <a:pt x="373" y="345"/>
                  </a:cubicBezTo>
                  <a:cubicBezTo>
                    <a:pt x="452" y="415"/>
                    <a:pt x="452" y="415"/>
                    <a:pt x="452" y="415"/>
                  </a:cubicBezTo>
                  <a:cubicBezTo>
                    <a:pt x="407" y="471"/>
                    <a:pt x="342" y="505"/>
                    <a:pt x="254" y="505"/>
                  </a:cubicBezTo>
                  <a:cubicBezTo>
                    <a:pt x="108" y="505"/>
                    <a:pt x="0" y="403"/>
                    <a:pt x="0" y="254"/>
                  </a:cubicBezTo>
                  <a:close/>
                  <a:moveTo>
                    <a:pt x="343" y="214"/>
                  </a:moveTo>
                  <a:cubicBezTo>
                    <a:pt x="334" y="152"/>
                    <a:pt x="298" y="111"/>
                    <a:pt x="240" y="111"/>
                  </a:cubicBezTo>
                  <a:cubicBezTo>
                    <a:pt x="183" y="111"/>
                    <a:pt x="146" y="151"/>
                    <a:pt x="135" y="214"/>
                  </a:cubicBezTo>
                  <a:lnTo>
                    <a:pt x="343" y="214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4" name="Freeform 14">
              <a:extLst>
                <a:ext uri="{FF2B5EF4-FFF2-40B4-BE49-F238E27FC236}">
                  <a16:creationId xmlns:a16="http://schemas.microsoft.com/office/drawing/2014/main" id="{EE8FC2BE-83D2-4E89-84B1-6204300EF806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348015" y="938123"/>
              <a:ext cx="195486" cy="219867"/>
            </a:xfrm>
            <a:custGeom>
              <a:avLst/>
              <a:gdLst>
                <a:gd name="T0" fmla="*/ 0 w 450"/>
                <a:gd name="T1" fmla="*/ 254 h 505"/>
                <a:gd name="T2" fmla="*/ 0 w 450"/>
                <a:gd name="T3" fmla="*/ 253 h 505"/>
                <a:gd name="T4" fmla="*/ 254 w 450"/>
                <a:gd name="T5" fmla="*/ 0 h 505"/>
                <a:gd name="T6" fmla="*/ 448 w 450"/>
                <a:gd name="T7" fmla="*/ 82 h 505"/>
                <a:gd name="T8" fmla="*/ 363 w 450"/>
                <a:gd name="T9" fmla="*/ 172 h 505"/>
                <a:gd name="T10" fmla="*/ 253 w 450"/>
                <a:gd name="T11" fmla="*/ 119 h 505"/>
                <a:gd name="T12" fmla="*/ 135 w 450"/>
                <a:gd name="T13" fmla="*/ 251 h 505"/>
                <a:gd name="T14" fmla="*/ 135 w 450"/>
                <a:gd name="T15" fmla="*/ 253 h 505"/>
                <a:gd name="T16" fmla="*/ 258 w 450"/>
                <a:gd name="T17" fmla="*/ 387 h 505"/>
                <a:gd name="T18" fmla="*/ 370 w 450"/>
                <a:gd name="T19" fmla="*/ 335 h 505"/>
                <a:gd name="T20" fmla="*/ 450 w 450"/>
                <a:gd name="T21" fmla="*/ 416 h 505"/>
                <a:gd name="T22" fmla="*/ 252 w 450"/>
                <a:gd name="T23" fmla="*/ 505 h 505"/>
                <a:gd name="T24" fmla="*/ 0 w 450"/>
                <a:gd name="T25" fmla="*/ 254 h 50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450" h="505">
                  <a:moveTo>
                    <a:pt x="0" y="254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4"/>
                    <a:pt x="106" y="0"/>
                    <a:pt x="254" y="0"/>
                  </a:cubicBezTo>
                  <a:cubicBezTo>
                    <a:pt x="345" y="0"/>
                    <a:pt x="402" y="31"/>
                    <a:pt x="448" y="82"/>
                  </a:cubicBezTo>
                  <a:cubicBezTo>
                    <a:pt x="363" y="172"/>
                    <a:pt x="363" y="172"/>
                    <a:pt x="363" y="172"/>
                  </a:cubicBezTo>
                  <a:cubicBezTo>
                    <a:pt x="333" y="139"/>
                    <a:pt x="302" y="119"/>
                    <a:pt x="253" y="119"/>
                  </a:cubicBezTo>
                  <a:cubicBezTo>
                    <a:pt x="184" y="119"/>
                    <a:pt x="135" y="179"/>
                    <a:pt x="135" y="251"/>
                  </a:cubicBezTo>
                  <a:cubicBezTo>
                    <a:pt x="135" y="253"/>
                    <a:pt x="135" y="253"/>
                    <a:pt x="135" y="253"/>
                  </a:cubicBezTo>
                  <a:cubicBezTo>
                    <a:pt x="135" y="327"/>
                    <a:pt x="183" y="387"/>
                    <a:pt x="258" y="387"/>
                  </a:cubicBezTo>
                  <a:cubicBezTo>
                    <a:pt x="305" y="387"/>
                    <a:pt x="336" y="367"/>
                    <a:pt x="370" y="335"/>
                  </a:cubicBezTo>
                  <a:cubicBezTo>
                    <a:pt x="450" y="416"/>
                    <a:pt x="450" y="416"/>
                    <a:pt x="450" y="416"/>
                  </a:cubicBezTo>
                  <a:cubicBezTo>
                    <a:pt x="403" y="468"/>
                    <a:pt x="349" y="505"/>
                    <a:pt x="252" y="505"/>
                  </a:cubicBezTo>
                  <a:cubicBezTo>
                    <a:pt x="106" y="505"/>
                    <a:pt x="0" y="393"/>
                    <a:pt x="0" y="25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5" name="Freeform 15">
              <a:extLst>
                <a:ext uri="{FF2B5EF4-FFF2-40B4-BE49-F238E27FC236}">
                  <a16:creationId xmlns:a16="http://schemas.microsoft.com/office/drawing/2014/main" id="{20BF9710-84EF-48F3-83AC-79B8578452FF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553254" y="866312"/>
              <a:ext cx="193270" cy="286802"/>
            </a:xfrm>
            <a:custGeom>
              <a:avLst/>
              <a:gdLst>
                <a:gd name="T0" fmla="*/ 0 w 445"/>
                <a:gd name="T1" fmla="*/ 0 h 660"/>
                <a:gd name="T2" fmla="*/ 138 w 445"/>
                <a:gd name="T3" fmla="*/ 0 h 660"/>
                <a:gd name="T4" fmla="*/ 138 w 445"/>
                <a:gd name="T5" fmla="*/ 244 h 660"/>
                <a:gd name="T6" fmla="*/ 280 w 445"/>
                <a:gd name="T7" fmla="*/ 166 h 660"/>
                <a:gd name="T8" fmla="*/ 445 w 445"/>
                <a:gd name="T9" fmla="*/ 346 h 660"/>
                <a:gd name="T10" fmla="*/ 445 w 445"/>
                <a:gd name="T11" fmla="*/ 660 h 660"/>
                <a:gd name="T12" fmla="*/ 307 w 445"/>
                <a:gd name="T13" fmla="*/ 660 h 660"/>
                <a:gd name="T14" fmla="*/ 307 w 445"/>
                <a:gd name="T15" fmla="*/ 390 h 660"/>
                <a:gd name="T16" fmla="*/ 224 w 445"/>
                <a:gd name="T17" fmla="*/ 291 h 660"/>
                <a:gd name="T18" fmla="*/ 138 w 445"/>
                <a:gd name="T19" fmla="*/ 390 h 660"/>
                <a:gd name="T20" fmla="*/ 138 w 445"/>
                <a:gd name="T21" fmla="*/ 660 h 660"/>
                <a:gd name="T22" fmla="*/ 0 w 445"/>
                <a:gd name="T23" fmla="*/ 660 h 660"/>
                <a:gd name="T24" fmla="*/ 0 w 445"/>
                <a:gd name="T25" fmla="*/ 0 h 66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445" h="660">
                  <a:moveTo>
                    <a:pt x="0" y="0"/>
                  </a:moveTo>
                  <a:cubicBezTo>
                    <a:pt x="138" y="0"/>
                    <a:pt x="138" y="0"/>
                    <a:pt x="138" y="0"/>
                  </a:cubicBezTo>
                  <a:cubicBezTo>
                    <a:pt x="138" y="244"/>
                    <a:pt x="138" y="244"/>
                    <a:pt x="138" y="244"/>
                  </a:cubicBezTo>
                  <a:cubicBezTo>
                    <a:pt x="169" y="203"/>
                    <a:pt x="210" y="166"/>
                    <a:pt x="280" y="166"/>
                  </a:cubicBezTo>
                  <a:cubicBezTo>
                    <a:pt x="384" y="166"/>
                    <a:pt x="445" y="235"/>
                    <a:pt x="445" y="346"/>
                  </a:cubicBezTo>
                  <a:cubicBezTo>
                    <a:pt x="445" y="660"/>
                    <a:pt x="445" y="660"/>
                    <a:pt x="445" y="660"/>
                  </a:cubicBezTo>
                  <a:cubicBezTo>
                    <a:pt x="307" y="660"/>
                    <a:pt x="307" y="660"/>
                    <a:pt x="307" y="660"/>
                  </a:cubicBezTo>
                  <a:cubicBezTo>
                    <a:pt x="307" y="390"/>
                    <a:pt x="307" y="390"/>
                    <a:pt x="307" y="390"/>
                  </a:cubicBezTo>
                  <a:cubicBezTo>
                    <a:pt x="307" y="324"/>
                    <a:pt x="276" y="291"/>
                    <a:pt x="224" y="291"/>
                  </a:cubicBezTo>
                  <a:cubicBezTo>
                    <a:pt x="171" y="291"/>
                    <a:pt x="138" y="324"/>
                    <a:pt x="138" y="390"/>
                  </a:cubicBezTo>
                  <a:cubicBezTo>
                    <a:pt x="138" y="660"/>
                    <a:pt x="138" y="660"/>
                    <a:pt x="138" y="660"/>
                  </a:cubicBezTo>
                  <a:cubicBezTo>
                    <a:pt x="0" y="660"/>
                    <a:pt x="0" y="660"/>
                    <a:pt x="0" y="660"/>
                  </a:cubicBezTo>
                  <a:lnTo>
                    <a:pt x="0" y="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6" name="Freeform 16">
              <a:extLst>
                <a:ext uri="{FF2B5EF4-FFF2-40B4-BE49-F238E27FC236}">
                  <a16:creationId xmlns:a16="http://schemas.microsoft.com/office/drawing/2014/main" id="{81617563-0E5D-4304-8347-94091B18C68E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762039" y="938123"/>
              <a:ext cx="192827" cy="214991"/>
            </a:xfrm>
            <a:custGeom>
              <a:avLst/>
              <a:gdLst>
                <a:gd name="T0" fmla="*/ 0 w 444"/>
                <a:gd name="T1" fmla="*/ 9 h 494"/>
                <a:gd name="T2" fmla="*/ 137 w 444"/>
                <a:gd name="T3" fmla="*/ 9 h 494"/>
                <a:gd name="T4" fmla="*/ 137 w 444"/>
                <a:gd name="T5" fmla="*/ 78 h 494"/>
                <a:gd name="T6" fmla="*/ 279 w 444"/>
                <a:gd name="T7" fmla="*/ 0 h 494"/>
                <a:gd name="T8" fmla="*/ 444 w 444"/>
                <a:gd name="T9" fmla="*/ 180 h 494"/>
                <a:gd name="T10" fmla="*/ 444 w 444"/>
                <a:gd name="T11" fmla="*/ 494 h 494"/>
                <a:gd name="T12" fmla="*/ 306 w 444"/>
                <a:gd name="T13" fmla="*/ 494 h 494"/>
                <a:gd name="T14" fmla="*/ 306 w 444"/>
                <a:gd name="T15" fmla="*/ 224 h 494"/>
                <a:gd name="T16" fmla="*/ 223 w 444"/>
                <a:gd name="T17" fmla="*/ 125 h 494"/>
                <a:gd name="T18" fmla="*/ 137 w 444"/>
                <a:gd name="T19" fmla="*/ 224 h 494"/>
                <a:gd name="T20" fmla="*/ 137 w 444"/>
                <a:gd name="T21" fmla="*/ 494 h 494"/>
                <a:gd name="T22" fmla="*/ 0 w 444"/>
                <a:gd name="T23" fmla="*/ 494 h 494"/>
                <a:gd name="T24" fmla="*/ 0 w 444"/>
                <a:gd name="T25" fmla="*/ 9 h 49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444" h="494">
                  <a:moveTo>
                    <a:pt x="0" y="9"/>
                  </a:moveTo>
                  <a:cubicBezTo>
                    <a:pt x="137" y="9"/>
                    <a:pt x="137" y="9"/>
                    <a:pt x="137" y="9"/>
                  </a:cubicBezTo>
                  <a:cubicBezTo>
                    <a:pt x="137" y="78"/>
                    <a:pt x="137" y="78"/>
                    <a:pt x="137" y="78"/>
                  </a:cubicBezTo>
                  <a:cubicBezTo>
                    <a:pt x="169" y="37"/>
                    <a:pt x="210" y="0"/>
                    <a:pt x="279" y="0"/>
                  </a:cubicBezTo>
                  <a:cubicBezTo>
                    <a:pt x="383" y="0"/>
                    <a:pt x="444" y="69"/>
                    <a:pt x="444" y="180"/>
                  </a:cubicBezTo>
                  <a:cubicBezTo>
                    <a:pt x="444" y="494"/>
                    <a:pt x="444" y="494"/>
                    <a:pt x="444" y="494"/>
                  </a:cubicBezTo>
                  <a:cubicBezTo>
                    <a:pt x="306" y="494"/>
                    <a:pt x="306" y="494"/>
                    <a:pt x="306" y="494"/>
                  </a:cubicBezTo>
                  <a:cubicBezTo>
                    <a:pt x="306" y="224"/>
                    <a:pt x="306" y="224"/>
                    <a:pt x="306" y="224"/>
                  </a:cubicBezTo>
                  <a:cubicBezTo>
                    <a:pt x="306" y="158"/>
                    <a:pt x="276" y="125"/>
                    <a:pt x="223" y="125"/>
                  </a:cubicBezTo>
                  <a:cubicBezTo>
                    <a:pt x="171" y="125"/>
                    <a:pt x="137" y="158"/>
                    <a:pt x="137" y="224"/>
                  </a:cubicBezTo>
                  <a:cubicBezTo>
                    <a:pt x="137" y="494"/>
                    <a:pt x="137" y="494"/>
                    <a:pt x="137" y="494"/>
                  </a:cubicBezTo>
                  <a:cubicBezTo>
                    <a:pt x="0" y="494"/>
                    <a:pt x="0" y="494"/>
                    <a:pt x="0" y="494"/>
                  </a:cubicBezTo>
                  <a:lnTo>
                    <a:pt x="0" y="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7" name="Freeform 17">
              <a:extLst>
                <a:ext uri="{FF2B5EF4-FFF2-40B4-BE49-F238E27FC236}">
                  <a16:creationId xmlns:a16="http://schemas.microsoft.com/office/drawing/2014/main" id="{644BF847-C98F-4D2F-A010-37D3A26D4B86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5967277" y="938123"/>
              <a:ext cx="228289" cy="219867"/>
            </a:xfrm>
            <a:custGeom>
              <a:avLst/>
              <a:gdLst>
                <a:gd name="T0" fmla="*/ 0 w 525"/>
                <a:gd name="T1" fmla="*/ 254 h 505"/>
                <a:gd name="T2" fmla="*/ 0 w 525"/>
                <a:gd name="T3" fmla="*/ 253 h 505"/>
                <a:gd name="T4" fmla="*/ 263 w 525"/>
                <a:gd name="T5" fmla="*/ 0 h 505"/>
                <a:gd name="T6" fmla="*/ 525 w 525"/>
                <a:gd name="T7" fmla="*/ 251 h 505"/>
                <a:gd name="T8" fmla="*/ 525 w 525"/>
                <a:gd name="T9" fmla="*/ 253 h 505"/>
                <a:gd name="T10" fmla="*/ 262 w 525"/>
                <a:gd name="T11" fmla="*/ 505 h 505"/>
                <a:gd name="T12" fmla="*/ 0 w 525"/>
                <a:gd name="T13" fmla="*/ 254 h 505"/>
                <a:gd name="T14" fmla="*/ 389 w 525"/>
                <a:gd name="T15" fmla="*/ 254 h 505"/>
                <a:gd name="T16" fmla="*/ 389 w 525"/>
                <a:gd name="T17" fmla="*/ 253 h 505"/>
                <a:gd name="T18" fmla="*/ 262 w 525"/>
                <a:gd name="T19" fmla="*/ 119 h 505"/>
                <a:gd name="T20" fmla="*/ 136 w 525"/>
                <a:gd name="T21" fmla="*/ 251 h 505"/>
                <a:gd name="T22" fmla="*/ 136 w 525"/>
                <a:gd name="T23" fmla="*/ 253 h 505"/>
                <a:gd name="T24" fmla="*/ 263 w 525"/>
                <a:gd name="T25" fmla="*/ 387 h 505"/>
                <a:gd name="T26" fmla="*/ 389 w 525"/>
                <a:gd name="T27" fmla="*/ 254 h 50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</a:cxnLst>
              <a:rect l="0" t="0" r="r" b="b"/>
              <a:pathLst>
                <a:path w="525" h="505">
                  <a:moveTo>
                    <a:pt x="0" y="254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3"/>
                    <a:pt x="112" y="0"/>
                    <a:pt x="263" y="0"/>
                  </a:cubicBezTo>
                  <a:cubicBezTo>
                    <a:pt x="414" y="0"/>
                    <a:pt x="525" y="111"/>
                    <a:pt x="525" y="251"/>
                  </a:cubicBezTo>
                  <a:cubicBezTo>
                    <a:pt x="525" y="253"/>
                    <a:pt x="525" y="253"/>
                    <a:pt x="525" y="253"/>
                  </a:cubicBezTo>
                  <a:cubicBezTo>
                    <a:pt x="525" y="392"/>
                    <a:pt x="413" y="505"/>
                    <a:pt x="262" y="505"/>
                  </a:cubicBezTo>
                  <a:cubicBezTo>
                    <a:pt x="111" y="505"/>
                    <a:pt x="0" y="394"/>
                    <a:pt x="0" y="254"/>
                  </a:cubicBezTo>
                  <a:close/>
                  <a:moveTo>
                    <a:pt x="389" y="254"/>
                  </a:moveTo>
                  <a:cubicBezTo>
                    <a:pt x="389" y="253"/>
                    <a:pt x="389" y="253"/>
                    <a:pt x="389" y="253"/>
                  </a:cubicBezTo>
                  <a:cubicBezTo>
                    <a:pt x="389" y="181"/>
                    <a:pt x="338" y="119"/>
                    <a:pt x="262" y="119"/>
                  </a:cubicBezTo>
                  <a:cubicBezTo>
                    <a:pt x="183" y="119"/>
                    <a:pt x="136" y="179"/>
                    <a:pt x="136" y="251"/>
                  </a:cubicBezTo>
                  <a:cubicBezTo>
                    <a:pt x="136" y="253"/>
                    <a:pt x="136" y="253"/>
                    <a:pt x="136" y="253"/>
                  </a:cubicBezTo>
                  <a:cubicBezTo>
                    <a:pt x="136" y="324"/>
                    <a:pt x="187" y="387"/>
                    <a:pt x="263" y="387"/>
                  </a:cubicBezTo>
                  <a:cubicBezTo>
                    <a:pt x="342" y="387"/>
                    <a:pt x="389" y="326"/>
                    <a:pt x="389" y="25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8" name="Rectangle 18">
              <a:extLst>
                <a:ext uri="{FF2B5EF4-FFF2-40B4-BE49-F238E27FC236}">
                  <a16:creationId xmlns:a16="http://schemas.microsoft.com/office/drawing/2014/main" id="{424E75C9-AA44-4EC4-BB9E-BE47649AE0FB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6207091" y="866312"/>
              <a:ext cx="59843" cy="286802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8" name="Freeform 19">
              <a:extLst>
                <a:ext uri="{FF2B5EF4-FFF2-40B4-BE49-F238E27FC236}">
                  <a16:creationId xmlns:a16="http://schemas.microsoft.com/office/drawing/2014/main" id="{FEBDD19B-EA9E-403C-8765-67EC4F33220E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278460" y="938123"/>
              <a:ext cx="228732" cy="219867"/>
            </a:xfrm>
            <a:custGeom>
              <a:avLst/>
              <a:gdLst>
                <a:gd name="T0" fmla="*/ 0 w 526"/>
                <a:gd name="T1" fmla="*/ 254 h 505"/>
                <a:gd name="T2" fmla="*/ 0 w 526"/>
                <a:gd name="T3" fmla="*/ 253 h 505"/>
                <a:gd name="T4" fmla="*/ 264 w 526"/>
                <a:gd name="T5" fmla="*/ 0 h 505"/>
                <a:gd name="T6" fmla="*/ 526 w 526"/>
                <a:gd name="T7" fmla="*/ 251 h 505"/>
                <a:gd name="T8" fmla="*/ 526 w 526"/>
                <a:gd name="T9" fmla="*/ 253 h 505"/>
                <a:gd name="T10" fmla="*/ 262 w 526"/>
                <a:gd name="T11" fmla="*/ 505 h 505"/>
                <a:gd name="T12" fmla="*/ 0 w 526"/>
                <a:gd name="T13" fmla="*/ 254 h 505"/>
                <a:gd name="T14" fmla="*/ 390 w 526"/>
                <a:gd name="T15" fmla="*/ 254 h 505"/>
                <a:gd name="T16" fmla="*/ 390 w 526"/>
                <a:gd name="T17" fmla="*/ 253 h 505"/>
                <a:gd name="T18" fmla="*/ 262 w 526"/>
                <a:gd name="T19" fmla="*/ 119 h 505"/>
                <a:gd name="T20" fmla="*/ 136 w 526"/>
                <a:gd name="T21" fmla="*/ 251 h 505"/>
                <a:gd name="T22" fmla="*/ 136 w 526"/>
                <a:gd name="T23" fmla="*/ 253 h 505"/>
                <a:gd name="T24" fmla="*/ 264 w 526"/>
                <a:gd name="T25" fmla="*/ 387 h 505"/>
                <a:gd name="T26" fmla="*/ 390 w 526"/>
                <a:gd name="T27" fmla="*/ 254 h 50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</a:cxnLst>
              <a:rect l="0" t="0" r="r" b="b"/>
              <a:pathLst>
                <a:path w="526" h="505">
                  <a:moveTo>
                    <a:pt x="0" y="254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3"/>
                    <a:pt x="113" y="0"/>
                    <a:pt x="264" y="0"/>
                  </a:cubicBezTo>
                  <a:cubicBezTo>
                    <a:pt x="414" y="0"/>
                    <a:pt x="526" y="111"/>
                    <a:pt x="526" y="251"/>
                  </a:cubicBezTo>
                  <a:cubicBezTo>
                    <a:pt x="526" y="253"/>
                    <a:pt x="526" y="253"/>
                    <a:pt x="526" y="253"/>
                  </a:cubicBezTo>
                  <a:cubicBezTo>
                    <a:pt x="526" y="392"/>
                    <a:pt x="413" y="505"/>
                    <a:pt x="262" y="505"/>
                  </a:cubicBezTo>
                  <a:cubicBezTo>
                    <a:pt x="112" y="505"/>
                    <a:pt x="0" y="394"/>
                    <a:pt x="0" y="254"/>
                  </a:cubicBezTo>
                  <a:close/>
                  <a:moveTo>
                    <a:pt x="390" y="254"/>
                  </a:moveTo>
                  <a:cubicBezTo>
                    <a:pt x="390" y="253"/>
                    <a:pt x="390" y="253"/>
                    <a:pt x="390" y="253"/>
                  </a:cubicBezTo>
                  <a:cubicBezTo>
                    <a:pt x="390" y="181"/>
                    <a:pt x="338" y="119"/>
                    <a:pt x="262" y="119"/>
                  </a:cubicBezTo>
                  <a:cubicBezTo>
                    <a:pt x="183" y="119"/>
                    <a:pt x="136" y="179"/>
                    <a:pt x="136" y="251"/>
                  </a:cubicBezTo>
                  <a:cubicBezTo>
                    <a:pt x="136" y="253"/>
                    <a:pt x="136" y="253"/>
                    <a:pt x="136" y="253"/>
                  </a:cubicBezTo>
                  <a:cubicBezTo>
                    <a:pt x="136" y="324"/>
                    <a:pt x="188" y="387"/>
                    <a:pt x="264" y="387"/>
                  </a:cubicBezTo>
                  <a:cubicBezTo>
                    <a:pt x="343" y="387"/>
                    <a:pt x="390" y="326"/>
                    <a:pt x="390" y="25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9" name="Freeform 20">
              <a:extLst>
                <a:ext uri="{FF2B5EF4-FFF2-40B4-BE49-F238E27FC236}">
                  <a16:creationId xmlns:a16="http://schemas.microsoft.com/office/drawing/2014/main" id="{7A373CE5-CD38-4DAB-8B96-B0968C2DF035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516057" y="938123"/>
              <a:ext cx="221197" cy="278823"/>
            </a:xfrm>
            <a:custGeom>
              <a:avLst/>
              <a:gdLst>
                <a:gd name="T0" fmla="*/ 24 w 509"/>
                <a:gd name="T1" fmla="*/ 590 h 641"/>
                <a:gd name="T2" fmla="*/ 71 w 509"/>
                <a:gd name="T3" fmla="*/ 487 h 641"/>
                <a:gd name="T4" fmla="*/ 235 w 509"/>
                <a:gd name="T5" fmla="*/ 531 h 641"/>
                <a:gd name="T6" fmla="*/ 373 w 509"/>
                <a:gd name="T7" fmla="*/ 399 h 641"/>
                <a:gd name="T8" fmla="*/ 373 w 509"/>
                <a:gd name="T9" fmla="*/ 376 h 641"/>
                <a:gd name="T10" fmla="*/ 215 w 509"/>
                <a:gd name="T11" fmla="*/ 454 h 641"/>
                <a:gd name="T12" fmla="*/ 0 w 509"/>
                <a:gd name="T13" fmla="*/ 228 h 641"/>
                <a:gd name="T14" fmla="*/ 0 w 509"/>
                <a:gd name="T15" fmla="*/ 226 h 641"/>
                <a:gd name="T16" fmla="*/ 215 w 509"/>
                <a:gd name="T17" fmla="*/ 0 h 641"/>
                <a:gd name="T18" fmla="*/ 372 w 509"/>
                <a:gd name="T19" fmla="*/ 72 h 641"/>
                <a:gd name="T20" fmla="*/ 372 w 509"/>
                <a:gd name="T21" fmla="*/ 9 h 641"/>
                <a:gd name="T22" fmla="*/ 509 w 509"/>
                <a:gd name="T23" fmla="*/ 9 h 641"/>
                <a:gd name="T24" fmla="*/ 509 w 509"/>
                <a:gd name="T25" fmla="*/ 385 h 641"/>
                <a:gd name="T26" fmla="*/ 448 w 509"/>
                <a:gd name="T27" fmla="*/ 576 h 641"/>
                <a:gd name="T28" fmla="*/ 239 w 509"/>
                <a:gd name="T29" fmla="*/ 641 h 641"/>
                <a:gd name="T30" fmla="*/ 24 w 509"/>
                <a:gd name="T31" fmla="*/ 590 h 641"/>
                <a:gd name="T32" fmla="*/ 373 w 509"/>
                <a:gd name="T33" fmla="*/ 228 h 641"/>
                <a:gd name="T34" fmla="*/ 373 w 509"/>
                <a:gd name="T35" fmla="*/ 226 h 641"/>
                <a:gd name="T36" fmla="*/ 255 w 509"/>
                <a:gd name="T37" fmla="*/ 114 h 641"/>
                <a:gd name="T38" fmla="*/ 137 w 509"/>
                <a:gd name="T39" fmla="*/ 226 h 641"/>
                <a:gd name="T40" fmla="*/ 137 w 509"/>
                <a:gd name="T41" fmla="*/ 228 h 641"/>
                <a:gd name="T42" fmla="*/ 255 w 509"/>
                <a:gd name="T43" fmla="*/ 340 h 641"/>
                <a:gd name="T44" fmla="*/ 373 w 509"/>
                <a:gd name="T45" fmla="*/ 228 h 641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</a:cxnLst>
              <a:rect l="0" t="0" r="r" b="b"/>
              <a:pathLst>
                <a:path w="509" h="641">
                  <a:moveTo>
                    <a:pt x="24" y="590"/>
                  </a:moveTo>
                  <a:cubicBezTo>
                    <a:pt x="71" y="487"/>
                    <a:pt x="71" y="487"/>
                    <a:pt x="71" y="487"/>
                  </a:cubicBezTo>
                  <a:cubicBezTo>
                    <a:pt x="121" y="515"/>
                    <a:pt x="171" y="531"/>
                    <a:pt x="235" y="531"/>
                  </a:cubicBezTo>
                  <a:cubicBezTo>
                    <a:pt x="329" y="531"/>
                    <a:pt x="373" y="486"/>
                    <a:pt x="373" y="399"/>
                  </a:cubicBezTo>
                  <a:cubicBezTo>
                    <a:pt x="373" y="376"/>
                    <a:pt x="373" y="376"/>
                    <a:pt x="373" y="376"/>
                  </a:cubicBezTo>
                  <a:cubicBezTo>
                    <a:pt x="333" y="425"/>
                    <a:pt x="288" y="454"/>
                    <a:pt x="215" y="454"/>
                  </a:cubicBezTo>
                  <a:cubicBezTo>
                    <a:pt x="102" y="454"/>
                    <a:pt x="0" y="372"/>
                    <a:pt x="0" y="228"/>
                  </a:cubicBezTo>
                  <a:cubicBezTo>
                    <a:pt x="0" y="226"/>
                    <a:pt x="0" y="226"/>
                    <a:pt x="0" y="226"/>
                  </a:cubicBezTo>
                  <a:cubicBezTo>
                    <a:pt x="0" y="82"/>
                    <a:pt x="104" y="0"/>
                    <a:pt x="215" y="0"/>
                  </a:cubicBezTo>
                  <a:cubicBezTo>
                    <a:pt x="290" y="0"/>
                    <a:pt x="334" y="32"/>
                    <a:pt x="372" y="72"/>
                  </a:cubicBezTo>
                  <a:cubicBezTo>
                    <a:pt x="372" y="9"/>
                    <a:pt x="372" y="9"/>
                    <a:pt x="372" y="9"/>
                  </a:cubicBezTo>
                  <a:cubicBezTo>
                    <a:pt x="509" y="9"/>
                    <a:pt x="509" y="9"/>
                    <a:pt x="509" y="9"/>
                  </a:cubicBezTo>
                  <a:cubicBezTo>
                    <a:pt x="509" y="385"/>
                    <a:pt x="509" y="385"/>
                    <a:pt x="509" y="385"/>
                  </a:cubicBezTo>
                  <a:cubicBezTo>
                    <a:pt x="509" y="472"/>
                    <a:pt x="488" y="535"/>
                    <a:pt x="448" y="576"/>
                  </a:cubicBezTo>
                  <a:cubicBezTo>
                    <a:pt x="402" y="621"/>
                    <a:pt x="333" y="641"/>
                    <a:pt x="239" y="641"/>
                  </a:cubicBezTo>
                  <a:cubicBezTo>
                    <a:pt x="160" y="641"/>
                    <a:pt x="86" y="623"/>
                    <a:pt x="24" y="590"/>
                  </a:cubicBezTo>
                  <a:close/>
                  <a:moveTo>
                    <a:pt x="373" y="228"/>
                  </a:moveTo>
                  <a:cubicBezTo>
                    <a:pt x="373" y="226"/>
                    <a:pt x="373" y="226"/>
                    <a:pt x="373" y="226"/>
                  </a:cubicBezTo>
                  <a:cubicBezTo>
                    <a:pt x="373" y="160"/>
                    <a:pt x="322" y="114"/>
                    <a:pt x="255" y="114"/>
                  </a:cubicBezTo>
                  <a:cubicBezTo>
                    <a:pt x="188" y="114"/>
                    <a:pt x="137" y="160"/>
                    <a:pt x="137" y="226"/>
                  </a:cubicBezTo>
                  <a:cubicBezTo>
                    <a:pt x="137" y="228"/>
                    <a:pt x="137" y="228"/>
                    <a:pt x="137" y="228"/>
                  </a:cubicBezTo>
                  <a:cubicBezTo>
                    <a:pt x="137" y="295"/>
                    <a:pt x="188" y="340"/>
                    <a:pt x="255" y="340"/>
                  </a:cubicBezTo>
                  <a:cubicBezTo>
                    <a:pt x="322" y="340"/>
                    <a:pt x="373" y="294"/>
                    <a:pt x="373" y="228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0" name="Freeform 21">
              <a:extLst>
                <a:ext uri="{FF2B5EF4-FFF2-40B4-BE49-F238E27FC236}">
                  <a16:creationId xmlns:a16="http://schemas.microsoft.com/office/drawing/2014/main" id="{74D5EE84-9E16-4D88-9A9C-3A56ED3F3CF6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747450" y="942113"/>
              <a:ext cx="219424" cy="275277"/>
            </a:xfrm>
            <a:custGeom>
              <a:avLst/>
              <a:gdLst>
                <a:gd name="T0" fmla="*/ 362 w 505"/>
                <a:gd name="T1" fmla="*/ 0 h 633"/>
                <a:gd name="T2" fmla="*/ 505 w 505"/>
                <a:gd name="T3" fmla="*/ 0 h 633"/>
                <a:gd name="T4" fmla="*/ 319 w 505"/>
                <a:gd name="T5" fmla="*/ 497 h 633"/>
                <a:gd name="T6" fmla="*/ 159 w 505"/>
                <a:gd name="T7" fmla="*/ 633 h 633"/>
                <a:gd name="T8" fmla="*/ 37 w 505"/>
                <a:gd name="T9" fmla="*/ 599 h 633"/>
                <a:gd name="T10" fmla="*/ 83 w 505"/>
                <a:gd name="T11" fmla="*/ 500 h 633"/>
                <a:gd name="T12" fmla="*/ 142 w 505"/>
                <a:gd name="T13" fmla="*/ 519 h 633"/>
                <a:gd name="T14" fmla="*/ 190 w 505"/>
                <a:gd name="T15" fmla="*/ 487 h 633"/>
                <a:gd name="T16" fmla="*/ 0 w 505"/>
                <a:gd name="T17" fmla="*/ 0 h 633"/>
                <a:gd name="T18" fmla="*/ 146 w 505"/>
                <a:gd name="T19" fmla="*/ 0 h 633"/>
                <a:gd name="T20" fmla="*/ 256 w 505"/>
                <a:gd name="T21" fmla="*/ 331 h 633"/>
                <a:gd name="T22" fmla="*/ 362 w 505"/>
                <a:gd name="T23" fmla="*/ 0 h 63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</a:cxnLst>
              <a:rect l="0" t="0" r="r" b="b"/>
              <a:pathLst>
                <a:path w="505" h="633">
                  <a:moveTo>
                    <a:pt x="362" y="0"/>
                  </a:moveTo>
                  <a:cubicBezTo>
                    <a:pt x="505" y="0"/>
                    <a:pt x="505" y="0"/>
                    <a:pt x="505" y="0"/>
                  </a:cubicBezTo>
                  <a:cubicBezTo>
                    <a:pt x="319" y="497"/>
                    <a:pt x="319" y="497"/>
                    <a:pt x="319" y="497"/>
                  </a:cubicBezTo>
                  <a:cubicBezTo>
                    <a:pt x="282" y="596"/>
                    <a:pt x="242" y="633"/>
                    <a:pt x="159" y="633"/>
                  </a:cubicBezTo>
                  <a:cubicBezTo>
                    <a:pt x="110" y="633"/>
                    <a:pt x="73" y="620"/>
                    <a:pt x="37" y="599"/>
                  </a:cubicBezTo>
                  <a:cubicBezTo>
                    <a:pt x="83" y="500"/>
                    <a:pt x="83" y="500"/>
                    <a:pt x="83" y="500"/>
                  </a:cubicBezTo>
                  <a:cubicBezTo>
                    <a:pt x="101" y="511"/>
                    <a:pt x="124" y="519"/>
                    <a:pt x="142" y="519"/>
                  </a:cubicBezTo>
                  <a:cubicBezTo>
                    <a:pt x="166" y="519"/>
                    <a:pt x="178" y="512"/>
                    <a:pt x="190" y="487"/>
                  </a:cubicBezTo>
                  <a:cubicBezTo>
                    <a:pt x="0" y="0"/>
                    <a:pt x="0" y="0"/>
                    <a:pt x="0" y="0"/>
                  </a:cubicBezTo>
                  <a:cubicBezTo>
                    <a:pt x="146" y="0"/>
                    <a:pt x="146" y="0"/>
                    <a:pt x="146" y="0"/>
                  </a:cubicBezTo>
                  <a:cubicBezTo>
                    <a:pt x="256" y="331"/>
                    <a:pt x="256" y="331"/>
                    <a:pt x="256" y="331"/>
                  </a:cubicBezTo>
                  <a:lnTo>
                    <a:pt x="362" y="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1" name="Freeform 22">
              <a:extLst>
                <a:ext uri="{FF2B5EF4-FFF2-40B4-BE49-F238E27FC236}">
                  <a16:creationId xmlns:a16="http://schemas.microsoft.com/office/drawing/2014/main" id="{E09D81A6-0484-4291-A061-755878B95515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005842" y="1258171"/>
              <a:ext cx="132541" cy="290348"/>
            </a:xfrm>
            <a:custGeom>
              <a:avLst/>
              <a:gdLst>
                <a:gd name="T0" fmla="*/ 57 w 305"/>
                <a:gd name="T1" fmla="*/ 299 h 667"/>
                <a:gd name="T2" fmla="*/ 0 w 305"/>
                <a:gd name="T3" fmla="*/ 299 h 667"/>
                <a:gd name="T4" fmla="*/ 0 w 305"/>
                <a:gd name="T5" fmla="*/ 186 h 667"/>
                <a:gd name="T6" fmla="*/ 57 w 305"/>
                <a:gd name="T7" fmla="*/ 186 h 667"/>
                <a:gd name="T8" fmla="*/ 57 w 305"/>
                <a:gd name="T9" fmla="*/ 155 h 667"/>
                <a:gd name="T10" fmla="*/ 96 w 305"/>
                <a:gd name="T11" fmla="*/ 38 h 667"/>
                <a:gd name="T12" fmla="*/ 208 w 305"/>
                <a:gd name="T13" fmla="*/ 0 h 667"/>
                <a:gd name="T14" fmla="*/ 305 w 305"/>
                <a:gd name="T15" fmla="*/ 13 h 667"/>
                <a:gd name="T16" fmla="*/ 305 w 305"/>
                <a:gd name="T17" fmla="*/ 127 h 667"/>
                <a:gd name="T18" fmla="*/ 243 w 305"/>
                <a:gd name="T19" fmla="*/ 115 h 667"/>
                <a:gd name="T20" fmla="*/ 193 w 305"/>
                <a:gd name="T21" fmla="*/ 168 h 667"/>
                <a:gd name="T22" fmla="*/ 193 w 305"/>
                <a:gd name="T23" fmla="*/ 187 h 667"/>
                <a:gd name="T24" fmla="*/ 305 w 305"/>
                <a:gd name="T25" fmla="*/ 187 h 667"/>
                <a:gd name="T26" fmla="*/ 305 w 305"/>
                <a:gd name="T27" fmla="*/ 299 h 667"/>
                <a:gd name="T28" fmla="*/ 195 w 305"/>
                <a:gd name="T29" fmla="*/ 299 h 667"/>
                <a:gd name="T30" fmla="*/ 195 w 305"/>
                <a:gd name="T31" fmla="*/ 667 h 667"/>
                <a:gd name="T32" fmla="*/ 57 w 305"/>
                <a:gd name="T33" fmla="*/ 667 h 667"/>
                <a:gd name="T34" fmla="*/ 57 w 305"/>
                <a:gd name="T35" fmla="*/ 299 h 667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</a:cxnLst>
              <a:rect l="0" t="0" r="r" b="b"/>
              <a:pathLst>
                <a:path w="305" h="667">
                  <a:moveTo>
                    <a:pt x="57" y="299"/>
                  </a:moveTo>
                  <a:cubicBezTo>
                    <a:pt x="0" y="299"/>
                    <a:pt x="0" y="299"/>
                    <a:pt x="0" y="299"/>
                  </a:cubicBezTo>
                  <a:cubicBezTo>
                    <a:pt x="0" y="186"/>
                    <a:pt x="0" y="186"/>
                    <a:pt x="0" y="186"/>
                  </a:cubicBezTo>
                  <a:cubicBezTo>
                    <a:pt x="57" y="186"/>
                    <a:pt x="57" y="186"/>
                    <a:pt x="57" y="186"/>
                  </a:cubicBezTo>
                  <a:cubicBezTo>
                    <a:pt x="57" y="155"/>
                    <a:pt x="57" y="155"/>
                    <a:pt x="57" y="155"/>
                  </a:cubicBezTo>
                  <a:cubicBezTo>
                    <a:pt x="57" y="102"/>
                    <a:pt x="71" y="63"/>
                    <a:pt x="96" y="38"/>
                  </a:cubicBezTo>
                  <a:cubicBezTo>
                    <a:pt x="122" y="12"/>
                    <a:pt x="159" y="0"/>
                    <a:pt x="208" y="0"/>
                  </a:cubicBezTo>
                  <a:cubicBezTo>
                    <a:pt x="251" y="0"/>
                    <a:pt x="280" y="5"/>
                    <a:pt x="305" y="13"/>
                  </a:cubicBezTo>
                  <a:cubicBezTo>
                    <a:pt x="305" y="127"/>
                    <a:pt x="305" y="127"/>
                    <a:pt x="305" y="127"/>
                  </a:cubicBezTo>
                  <a:cubicBezTo>
                    <a:pt x="286" y="120"/>
                    <a:pt x="267" y="115"/>
                    <a:pt x="243" y="115"/>
                  </a:cubicBezTo>
                  <a:cubicBezTo>
                    <a:pt x="211" y="115"/>
                    <a:pt x="193" y="132"/>
                    <a:pt x="193" y="168"/>
                  </a:cubicBezTo>
                  <a:cubicBezTo>
                    <a:pt x="193" y="187"/>
                    <a:pt x="193" y="187"/>
                    <a:pt x="193" y="187"/>
                  </a:cubicBezTo>
                  <a:cubicBezTo>
                    <a:pt x="305" y="187"/>
                    <a:pt x="305" y="187"/>
                    <a:pt x="305" y="187"/>
                  </a:cubicBezTo>
                  <a:cubicBezTo>
                    <a:pt x="305" y="299"/>
                    <a:pt x="305" y="299"/>
                    <a:pt x="305" y="299"/>
                  </a:cubicBezTo>
                  <a:cubicBezTo>
                    <a:pt x="195" y="299"/>
                    <a:pt x="195" y="299"/>
                    <a:pt x="195" y="299"/>
                  </a:cubicBezTo>
                  <a:cubicBezTo>
                    <a:pt x="195" y="667"/>
                    <a:pt x="195" y="667"/>
                    <a:pt x="195" y="667"/>
                  </a:cubicBezTo>
                  <a:cubicBezTo>
                    <a:pt x="57" y="667"/>
                    <a:pt x="57" y="667"/>
                    <a:pt x="57" y="667"/>
                  </a:cubicBezTo>
                  <a:lnTo>
                    <a:pt x="57" y="29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2" name="Freeform 23">
              <a:extLst>
                <a:ext uri="{FF2B5EF4-FFF2-40B4-BE49-F238E27FC236}">
                  <a16:creationId xmlns:a16="http://schemas.microsoft.com/office/drawing/2014/main" id="{790B3C9F-7941-47B7-8BBE-C9BE7DE89F29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137497" y="1333086"/>
              <a:ext cx="228289" cy="219867"/>
            </a:xfrm>
            <a:custGeom>
              <a:avLst/>
              <a:gdLst>
                <a:gd name="T0" fmla="*/ 0 w 525"/>
                <a:gd name="T1" fmla="*/ 255 h 506"/>
                <a:gd name="T2" fmla="*/ 0 w 525"/>
                <a:gd name="T3" fmla="*/ 253 h 506"/>
                <a:gd name="T4" fmla="*/ 263 w 525"/>
                <a:gd name="T5" fmla="*/ 0 h 506"/>
                <a:gd name="T6" fmla="*/ 525 w 525"/>
                <a:gd name="T7" fmla="*/ 251 h 506"/>
                <a:gd name="T8" fmla="*/ 525 w 525"/>
                <a:gd name="T9" fmla="*/ 253 h 506"/>
                <a:gd name="T10" fmla="*/ 261 w 525"/>
                <a:gd name="T11" fmla="*/ 506 h 506"/>
                <a:gd name="T12" fmla="*/ 0 w 525"/>
                <a:gd name="T13" fmla="*/ 255 h 506"/>
                <a:gd name="T14" fmla="*/ 389 w 525"/>
                <a:gd name="T15" fmla="*/ 255 h 506"/>
                <a:gd name="T16" fmla="*/ 389 w 525"/>
                <a:gd name="T17" fmla="*/ 253 h 506"/>
                <a:gd name="T18" fmla="*/ 261 w 525"/>
                <a:gd name="T19" fmla="*/ 119 h 506"/>
                <a:gd name="T20" fmla="*/ 135 w 525"/>
                <a:gd name="T21" fmla="*/ 251 h 506"/>
                <a:gd name="T22" fmla="*/ 135 w 525"/>
                <a:gd name="T23" fmla="*/ 253 h 506"/>
                <a:gd name="T24" fmla="*/ 263 w 525"/>
                <a:gd name="T25" fmla="*/ 387 h 506"/>
                <a:gd name="T26" fmla="*/ 389 w 525"/>
                <a:gd name="T27" fmla="*/ 255 h 506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</a:cxnLst>
              <a:rect l="0" t="0" r="r" b="b"/>
              <a:pathLst>
                <a:path w="525" h="506">
                  <a:moveTo>
                    <a:pt x="0" y="255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4"/>
                    <a:pt x="112" y="0"/>
                    <a:pt x="263" y="0"/>
                  </a:cubicBezTo>
                  <a:cubicBezTo>
                    <a:pt x="413" y="0"/>
                    <a:pt x="525" y="112"/>
                    <a:pt x="525" y="251"/>
                  </a:cubicBezTo>
                  <a:cubicBezTo>
                    <a:pt x="525" y="253"/>
                    <a:pt x="525" y="253"/>
                    <a:pt x="525" y="253"/>
                  </a:cubicBezTo>
                  <a:cubicBezTo>
                    <a:pt x="525" y="392"/>
                    <a:pt x="412" y="506"/>
                    <a:pt x="261" y="506"/>
                  </a:cubicBezTo>
                  <a:cubicBezTo>
                    <a:pt x="111" y="506"/>
                    <a:pt x="0" y="394"/>
                    <a:pt x="0" y="255"/>
                  </a:cubicBezTo>
                  <a:close/>
                  <a:moveTo>
                    <a:pt x="389" y="255"/>
                  </a:moveTo>
                  <a:cubicBezTo>
                    <a:pt x="389" y="253"/>
                    <a:pt x="389" y="253"/>
                    <a:pt x="389" y="253"/>
                  </a:cubicBezTo>
                  <a:cubicBezTo>
                    <a:pt x="389" y="182"/>
                    <a:pt x="337" y="119"/>
                    <a:pt x="261" y="119"/>
                  </a:cubicBezTo>
                  <a:cubicBezTo>
                    <a:pt x="183" y="119"/>
                    <a:pt x="135" y="180"/>
                    <a:pt x="135" y="251"/>
                  </a:cubicBezTo>
                  <a:cubicBezTo>
                    <a:pt x="135" y="253"/>
                    <a:pt x="135" y="253"/>
                    <a:pt x="135" y="253"/>
                  </a:cubicBezTo>
                  <a:cubicBezTo>
                    <a:pt x="135" y="325"/>
                    <a:pt x="187" y="387"/>
                    <a:pt x="263" y="387"/>
                  </a:cubicBezTo>
                  <a:cubicBezTo>
                    <a:pt x="342" y="387"/>
                    <a:pt x="389" y="326"/>
                    <a:pt x="389" y="255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3" name="Freeform 24">
              <a:extLst>
                <a:ext uri="{FF2B5EF4-FFF2-40B4-BE49-F238E27FC236}">
                  <a16:creationId xmlns:a16="http://schemas.microsoft.com/office/drawing/2014/main" id="{E75BF800-A9FA-4FA5-B06E-00F909B5AC60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379084" y="1331756"/>
              <a:ext cx="127665" cy="216764"/>
            </a:xfrm>
            <a:custGeom>
              <a:avLst/>
              <a:gdLst>
                <a:gd name="T0" fmla="*/ 0 w 293"/>
                <a:gd name="T1" fmla="*/ 13 h 498"/>
                <a:gd name="T2" fmla="*/ 138 w 293"/>
                <a:gd name="T3" fmla="*/ 13 h 498"/>
                <a:gd name="T4" fmla="*/ 138 w 293"/>
                <a:gd name="T5" fmla="*/ 110 h 498"/>
                <a:gd name="T6" fmla="*/ 293 w 293"/>
                <a:gd name="T7" fmla="*/ 3 h 498"/>
                <a:gd name="T8" fmla="*/ 293 w 293"/>
                <a:gd name="T9" fmla="*/ 147 h 498"/>
                <a:gd name="T10" fmla="*/ 286 w 293"/>
                <a:gd name="T11" fmla="*/ 147 h 498"/>
                <a:gd name="T12" fmla="*/ 138 w 293"/>
                <a:gd name="T13" fmla="*/ 318 h 498"/>
                <a:gd name="T14" fmla="*/ 138 w 293"/>
                <a:gd name="T15" fmla="*/ 498 h 498"/>
                <a:gd name="T16" fmla="*/ 0 w 293"/>
                <a:gd name="T17" fmla="*/ 498 h 498"/>
                <a:gd name="T18" fmla="*/ 0 w 293"/>
                <a:gd name="T19" fmla="*/ 13 h 49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293" h="498">
                  <a:moveTo>
                    <a:pt x="0" y="13"/>
                  </a:moveTo>
                  <a:cubicBezTo>
                    <a:pt x="138" y="13"/>
                    <a:pt x="138" y="13"/>
                    <a:pt x="138" y="13"/>
                  </a:cubicBezTo>
                  <a:cubicBezTo>
                    <a:pt x="138" y="110"/>
                    <a:pt x="138" y="110"/>
                    <a:pt x="138" y="110"/>
                  </a:cubicBezTo>
                  <a:cubicBezTo>
                    <a:pt x="166" y="43"/>
                    <a:pt x="211" y="0"/>
                    <a:pt x="293" y="3"/>
                  </a:cubicBezTo>
                  <a:cubicBezTo>
                    <a:pt x="293" y="147"/>
                    <a:pt x="293" y="147"/>
                    <a:pt x="293" y="147"/>
                  </a:cubicBezTo>
                  <a:cubicBezTo>
                    <a:pt x="286" y="147"/>
                    <a:pt x="286" y="147"/>
                    <a:pt x="286" y="147"/>
                  </a:cubicBezTo>
                  <a:cubicBezTo>
                    <a:pt x="194" y="147"/>
                    <a:pt x="138" y="203"/>
                    <a:pt x="138" y="318"/>
                  </a:cubicBezTo>
                  <a:cubicBezTo>
                    <a:pt x="138" y="498"/>
                    <a:pt x="138" y="498"/>
                    <a:pt x="138" y="498"/>
                  </a:cubicBezTo>
                  <a:cubicBezTo>
                    <a:pt x="0" y="498"/>
                    <a:pt x="0" y="498"/>
                    <a:pt x="0" y="498"/>
                  </a:cubicBezTo>
                  <a:lnTo>
                    <a:pt x="0" y="13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4" name="Freeform 25">
              <a:extLst>
                <a:ext uri="{FF2B5EF4-FFF2-40B4-BE49-F238E27FC236}">
                  <a16:creationId xmlns:a16="http://schemas.microsoft.com/office/drawing/2014/main" id="{31170700-1A5B-4233-9767-A27ACACA8604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582993" y="1334859"/>
              <a:ext cx="194157" cy="217207"/>
            </a:xfrm>
            <a:custGeom>
              <a:avLst/>
              <a:gdLst>
                <a:gd name="T0" fmla="*/ 0 w 446"/>
                <a:gd name="T1" fmla="*/ 351 h 500"/>
                <a:gd name="T2" fmla="*/ 0 w 446"/>
                <a:gd name="T3" fmla="*/ 349 h 500"/>
                <a:gd name="T4" fmla="*/ 195 w 446"/>
                <a:gd name="T5" fmla="*/ 195 h 500"/>
                <a:gd name="T6" fmla="*/ 314 w 446"/>
                <a:gd name="T7" fmla="*/ 215 h 500"/>
                <a:gd name="T8" fmla="*/ 314 w 446"/>
                <a:gd name="T9" fmla="*/ 206 h 500"/>
                <a:gd name="T10" fmla="*/ 210 w 446"/>
                <a:gd name="T11" fmla="*/ 118 h 500"/>
                <a:gd name="T12" fmla="*/ 76 w 446"/>
                <a:gd name="T13" fmla="*/ 144 h 500"/>
                <a:gd name="T14" fmla="*/ 42 w 446"/>
                <a:gd name="T15" fmla="*/ 39 h 500"/>
                <a:gd name="T16" fmla="*/ 230 w 446"/>
                <a:gd name="T17" fmla="*/ 0 h 500"/>
                <a:gd name="T18" fmla="*/ 394 w 446"/>
                <a:gd name="T19" fmla="*/ 54 h 500"/>
                <a:gd name="T20" fmla="*/ 446 w 446"/>
                <a:gd name="T21" fmla="*/ 209 h 500"/>
                <a:gd name="T22" fmla="*/ 446 w 446"/>
                <a:gd name="T23" fmla="*/ 491 h 500"/>
                <a:gd name="T24" fmla="*/ 313 w 446"/>
                <a:gd name="T25" fmla="*/ 491 h 500"/>
                <a:gd name="T26" fmla="*/ 313 w 446"/>
                <a:gd name="T27" fmla="*/ 438 h 500"/>
                <a:gd name="T28" fmla="*/ 167 w 446"/>
                <a:gd name="T29" fmla="*/ 500 h 500"/>
                <a:gd name="T30" fmla="*/ 0 w 446"/>
                <a:gd name="T31" fmla="*/ 351 h 500"/>
                <a:gd name="T32" fmla="*/ 316 w 446"/>
                <a:gd name="T33" fmla="*/ 320 h 500"/>
                <a:gd name="T34" fmla="*/ 316 w 446"/>
                <a:gd name="T35" fmla="*/ 295 h 500"/>
                <a:gd name="T36" fmla="*/ 228 w 446"/>
                <a:gd name="T37" fmla="*/ 277 h 500"/>
                <a:gd name="T38" fmla="*/ 133 w 446"/>
                <a:gd name="T39" fmla="*/ 344 h 500"/>
                <a:gd name="T40" fmla="*/ 133 w 446"/>
                <a:gd name="T41" fmla="*/ 346 h 500"/>
                <a:gd name="T42" fmla="*/ 208 w 446"/>
                <a:gd name="T43" fmla="*/ 405 h 500"/>
                <a:gd name="T44" fmla="*/ 316 w 446"/>
                <a:gd name="T45" fmla="*/ 320 h 5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</a:cxnLst>
              <a:rect l="0" t="0" r="r" b="b"/>
              <a:pathLst>
                <a:path w="446" h="500">
                  <a:moveTo>
                    <a:pt x="0" y="351"/>
                  </a:moveTo>
                  <a:cubicBezTo>
                    <a:pt x="0" y="349"/>
                    <a:pt x="0" y="349"/>
                    <a:pt x="0" y="349"/>
                  </a:cubicBezTo>
                  <a:cubicBezTo>
                    <a:pt x="0" y="244"/>
                    <a:pt x="81" y="195"/>
                    <a:pt x="195" y="195"/>
                  </a:cubicBezTo>
                  <a:cubicBezTo>
                    <a:pt x="244" y="195"/>
                    <a:pt x="280" y="203"/>
                    <a:pt x="314" y="215"/>
                  </a:cubicBezTo>
                  <a:cubicBezTo>
                    <a:pt x="314" y="206"/>
                    <a:pt x="314" y="206"/>
                    <a:pt x="314" y="206"/>
                  </a:cubicBezTo>
                  <a:cubicBezTo>
                    <a:pt x="314" y="149"/>
                    <a:pt x="279" y="118"/>
                    <a:pt x="210" y="118"/>
                  </a:cubicBezTo>
                  <a:cubicBezTo>
                    <a:pt x="157" y="118"/>
                    <a:pt x="120" y="128"/>
                    <a:pt x="76" y="144"/>
                  </a:cubicBezTo>
                  <a:cubicBezTo>
                    <a:pt x="42" y="39"/>
                    <a:pt x="42" y="39"/>
                    <a:pt x="42" y="39"/>
                  </a:cubicBezTo>
                  <a:cubicBezTo>
                    <a:pt x="95" y="15"/>
                    <a:pt x="148" y="0"/>
                    <a:pt x="230" y="0"/>
                  </a:cubicBezTo>
                  <a:cubicBezTo>
                    <a:pt x="305" y="0"/>
                    <a:pt x="359" y="20"/>
                    <a:pt x="394" y="54"/>
                  </a:cubicBezTo>
                  <a:cubicBezTo>
                    <a:pt x="430" y="91"/>
                    <a:pt x="446" y="144"/>
                    <a:pt x="446" y="209"/>
                  </a:cubicBezTo>
                  <a:cubicBezTo>
                    <a:pt x="446" y="491"/>
                    <a:pt x="446" y="491"/>
                    <a:pt x="446" y="491"/>
                  </a:cubicBezTo>
                  <a:cubicBezTo>
                    <a:pt x="313" y="491"/>
                    <a:pt x="313" y="491"/>
                    <a:pt x="313" y="491"/>
                  </a:cubicBezTo>
                  <a:cubicBezTo>
                    <a:pt x="313" y="438"/>
                    <a:pt x="313" y="438"/>
                    <a:pt x="313" y="438"/>
                  </a:cubicBezTo>
                  <a:cubicBezTo>
                    <a:pt x="280" y="475"/>
                    <a:pt x="234" y="500"/>
                    <a:pt x="167" y="500"/>
                  </a:cubicBezTo>
                  <a:cubicBezTo>
                    <a:pt x="75" y="500"/>
                    <a:pt x="0" y="447"/>
                    <a:pt x="0" y="351"/>
                  </a:cubicBezTo>
                  <a:close/>
                  <a:moveTo>
                    <a:pt x="316" y="320"/>
                  </a:moveTo>
                  <a:cubicBezTo>
                    <a:pt x="316" y="295"/>
                    <a:pt x="316" y="295"/>
                    <a:pt x="316" y="295"/>
                  </a:cubicBezTo>
                  <a:cubicBezTo>
                    <a:pt x="292" y="284"/>
                    <a:pt x="262" y="277"/>
                    <a:pt x="228" y="277"/>
                  </a:cubicBezTo>
                  <a:cubicBezTo>
                    <a:pt x="169" y="277"/>
                    <a:pt x="133" y="301"/>
                    <a:pt x="133" y="344"/>
                  </a:cubicBezTo>
                  <a:cubicBezTo>
                    <a:pt x="133" y="346"/>
                    <a:pt x="133" y="346"/>
                    <a:pt x="133" y="346"/>
                  </a:cubicBezTo>
                  <a:cubicBezTo>
                    <a:pt x="133" y="383"/>
                    <a:pt x="164" y="405"/>
                    <a:pt x="208" y="405"/>
                  </a:cubicBezTo>
                  <a:cubicBezTo>
                    <a:pt x="272" y="405"/>
                    <a:pt x="316" y="369"/>
                    <a:pt x="316" y="320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5" name="Rectangle 26">
              <a:extLst>
                <a:ext uri="{FF2B5EF4-FFF2-40B4-BE49-F238E27FC236}">
                  <a16:creationId xmlns:a16="http://schemas.microsoft.com/office/drawing/2014/main" id="{9CF25159-7802-4E5B-8837-8E57F2A51EC0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6801973" y="1260831"/>
              <a:ext cx="59843" cy="287689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6" name="Rectangle 27">
              <a:extLst>
                <a:ext uri="{FF2B5EF4-FFF2-40B4-BE49-F238E27FC236}">
                  <a16:creationId xmlns:a16="http://schemas.microsoft.com/office/drawing/2014/main" id="{8C48BAA6-002A-430B-9CD2-AF23AC05A737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6886639" y="1260831"/>
              <a:ext cx="59399" cy="287689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37" name="Rectangle 28">
            <a:extLst>
              <a:ext uri="{FF2B5EF4-FFF2-40B4-BE49-F238E27FC236}">
                <a16:creationId xmlns:a16="http://schemas.microsoft.com/office/drawing/2014/main" id="{4D872154-4275-422F-BF6F-C8ECDAFCF823}"/>
              </a:ext>
            </a:extLst>
          </p:cNvPr>
          <p:cNvSpPr>
            <a:spLocks noChangeArrowheads="1"/>
          </p:cNvSpPr>
          <p:nvPr userDrawn="1"/>
        </p:nvSpPr>
        <p:spPr bwMode="auto">
          <a:xfrm>
            <a:off x="11556230" y="837417"/>
            <a:ext cx="634181" cy="189869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grpSp>
        <p:nvGrpSpPr>
          <p:cNvPr id="45" name="Group 44">
            <a:extLst>
              <a:ext uri="{FF2B5EF4-FFF2-40B4-BE49-F238E27FC236}">
                <a16:creationId xmlns:a16="http://schemas.microsoft.com/office/drawing/2014/main" id="{28BEE63C-C3F8-4C38-9BE5-7F464ABA10A0}"/>
              </a:ext>
            </a:extLst>
          </p:cNvPr>
          <p:cNvGrpSpPr/>
          <p:nvPr userDrawn="1"/>
        </p:nvGrpSpPr>
        <p:grpSpPr>
          <a:xfrm>
            <a:off x="11701122" y="1007069"/>
            <a:ext cx="321494" cy="1552800"/>
            <a:chOff x="7313961" y="501936"/>
            <a:chExt cx="323594" cy="1566108"/>
          </a:xfrm>
        </p:grpSpPr>
        <p:sp>
          <p:nvSpPr>
            <p:cNvPr id="38" name="Freeform 29">
              <a:extLst>
                <a:ext uri="{FF2B5EF4-FFF2-40B4-BE49-F238E27FC236}">
                  <a16:creationId xmlns:a16="http://schemas.microsoft.com/office/drawing/2014/main" id="{0F6D2C1F-123F-4FC5-A8AF-9FD924E3768C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7383556" y="1311808"/>
              <a:ext cx="249567" cy="247350"/>
            </a:xfrm>
            <a:custGeom>
              <a:avLst/>
              <a:gdLst>
                <a:gd name="T0" fmla="*/ 0 w 574"/>
                <a:gd name="T1" fmla="*/ 229 h 569"/>
                <a:gd name="T2" fmla="*/ 90 w 574"/>
                <a:gd name="T3" fmla="*/ 413 h 569"/>
                <a:gd name="T4" fmla="*/ 90 w 574"/>
                <a:gd name="T5" fmla="*/ 413 h 569"/>
                <a:gd name="T6" fmla="*/ 90 w 574"/>
                <a:gd name="T7" fmla="*/ 413 h 569"/>
                <a:gd name="T8" fmla="*/ 9 w 574"/>
                <a:gd name="T9" fmla="*/ 413 h 569"/>
                <a:gd name="T10" fmla="*/ 9 w 574"/>
                <a:gd name="T11" fmla="*/ 569 h 569"/>
                <a:gd name="T12" fmla="*/ 574 w 574"/>
                <a:gd name="T13" fmla="*/ 569 h 569"/>
                <a:gd name="T14" fmla="*/ 574 w 574"/>
                <a:gd name="T15" fmla="*/ 413 h 569"/>
                <a:gd name="T16" fmla="*/ 253 w 574"/>
                <a:gd name="T17" fmla="*/ 413 h 569"/>
                <a:gd name="T18" fmla="*/ 133 w 574"/>
                <a:gd name="T19" fmla="*/ 286 h 569"/>
                <a:gd name="T20" fmla="*/ 253 w 574"/>
                <a:gd name="T21" fmla="*/ 155 h 569"/>
                <a:gd name="T22" fmla="*/ 574 w 574"/>
                <a:gd name="T23" fmla="*/ 155 h 569"/>
                <a:gd name="T24" fmla="*/ 574 w 574"/>
                <a:gd name="T25" fmla="*/ 0 h 569"/>
                <a:gd name="T26" fmla="*/ 224 w 574"/>
                <a:gd name="T27" fmla="*/ 0 h 569"/>
                <a:gd name="T28" fmla="*/ 0 w 574"/>
                <a:gd name="T29" fmla="*/ 229 h 56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574" h="569">
                  <a:moveTo>
                    <a:pt x="0" y="229"/>
                  </a:moveTo>
                  <a:cubicBezTo>
                    <a:pt x="0" y="294"/>
                    <a:pt x="30" y="368"/>
                    <a:pt x="90" y="413"/>
                  </a:cubicBezTo>
                  <a:cubicBezTo>
                    <a:pt x="90" y="413"/>
                    <a:pt x="90" y="413"/>
                    <a:pt x="90" y="413"/>
                  </a:cubicBezTo>
                  <a:cubicBezTo>
                    <a:pt x="90" y="413"/>
                    <a:pt x="90" y="413"/>
                    <a:pt x="90" y="413"/>
                  </a:cubicBezTo>
                  <a:cubicBezTo>
                    <a:pt x="9" y="413"/>
                    <a:pt x="9" y="413"/>
                    <a:pt x="9" y="413"/>
                  </a:cubicBezTo>
                  <a:cubicBezTo>
                    <a:pt x="9" y="569"/>
                    <a:pt x="9" y="569"/>
                    <a:pt x="9" y="569"/>
                  </a:cubicBezTo>
                  <a:cubicBezTo>
                    <a:pt x="574" y="569"/>
                    <a:pt x="574" y="569"/>
                    <a:pt x="574" y="569"/>
                  </a:cubicBezTo>
                  <a:cubicBezTo>
                    <a:pt x="574" y="413"/>
                    <a:pt x="574" y="413"/>
                    <a:pt x="574" y="413"/>
                  </a:cubicBezTo>
                  <a:cubicBezTo>
                    <a:pt x="253" y="413"/>
                    <a:pt x="253" y="413"/>
                    <a:pt x="253" y="413"/>
                  </a:cubicBezTo>
                  <a:cubicBezTo>
                    <a:pt x="195" y="413"/>
                    <a:pt x="133" y="369"/>
                    <a:pt x="133" y="286"/>
                  </a:cubicBezTo>
                  <a:cubicBezTo>
                    <a:pt x="133" y="221"/>
                    <a:pt x="178" y="155"/>
                    <a:pt x="253" y="155"/>
                  </a:cubicBezTo>
                  <a:cubicBezTo>
                    <a:pt x="574" y="155"/>
                    <a:pt x="574" y="155"/>
                    <a:pt x="574" y="155"/>
                  </a:cubicBezTo>
                  <a:cubicBezTo>
                    <a:pt x="574" y="0"/>
                    <a:pt x="574" y="0"/>
                    <a:pt x="574" y="0"/>
                  </a:cubicBezTo>
                  <a:cubicBezTo>
                    <a:pt x="224" y="0"/>
                    <a:pt x="224" y="0"/>
                    <a:pt x="224" y="0"/>
                  </a:cubicBezTo>
                  <a:cubicBezTo>
                    <a:pt x="94" y="0"/>
                    <a:pt x="0" y="93"/>
                    <a:pt x="0" y="229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9" name="Freeform 30">
              <a:extLst>
                <a:ext uri="{FF2B5EF4-FFF2-40B4-BE49-F238E27FC236}">
                  <a16:creationId xmlns:a16="http://schemas.microsoft.com/office/drawing/2014/main" id="{2EA5A2F2-AE15-4FA5-85A9-F7373F32518B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7387546" y="755049"/>
              <a:ext cx="245577" cy="276163"/>
            </a:xfrm>
            <a:custGeom>
              <a:avLst/>
              <a:gdLst>
                <a:gd name="T0" fmla="*/ 0 w 554"/>
                <a:gd name="T1" fmla="*/ 174 h 623"/>
                <a:gd name="T2" fmla="*/ 377 w 554"/>
                <a:gd name="T3" fmla="*/ 311 h 623"/>
                <a:gd name="T4" fmla="*/ 0 w 554"/>
                <a:gd name="T5" fmla="*/ 450 h 623"/>
                <a:gd name="T6" fmla="*/ 0 w 554"/>
                <a:gd name="T7" fmla="*/ 623 h 623"/>
                <a:gd name="T8" fmla="*/ 554 w 554"/>
                <a:gd name="T9" fmla="*/ 395 h 623"/>
                <a:gd name="T10" fmla="*/ 554 w 554"/>
                <a:gd name="T11" fmla="*/ 228 h 623"/>
                <a:gd name="T12" fmla="*/ 0 w 554"/>
                <a:gd name="T13" fmla="*/ 0 h 623"/>
                <a:gd name="T14" fmla="*/ 0 w 554"/>
                <a:gd name="T15" fmla="*/ 174 h 62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554" h="623">
                  <a:moveTo>
                    <a:pt x="0" y="174"/>
                  </a:moveTo>
                  <a:lnTo>
                    <a:pt x="377" y="311"/>
                  </a:lnTo>
                  <a:lnTo>
                    <a:pt x="0" y="450"/>
                  </a:lnTo>
                  <a:lnTo>
                    <a:pt x="0" y="623"/>
                  </a:lnTo>
                  <a:lnTo>
                    <a:pt x="554" y="395"/>
                  </a:lnTo>
                  <a:lnTo>
                    <a:pt x="554" y="228"/>
                  </a:lnTo>
                  <a:lnTo>
                    <a:pt x="0" y="0"/>
                  </a:lnTo>
                  <a:lnTo>
                    <a:pt x="0" y="174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40" name="Freeform 31">
              <a:extLst>
                <a:ext uri="{FF2B5EF4-FFF2-40B4-BE49-F238E27FC236}">
                  <a16:creationId xmlns:a16="http://schemas.microsoft.com/office/drawing/2014/main" id="{F0E0D771-C362-479B-9362-010602469889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7383556" y="1583096"/>
              <a:ext cx="253999" cy="256659"/>
            </a:xfrm>
            <a:custGeom>
              <a:avLst/>
              <a:gdLst>
                <a:gd name="T0" fmla="*/ 401 w 584"/>
                <a:gd name="T1" fmla="*/ 110 h 590"/>
                <a:gd name="T2" fmla="*/ 460 w 584"/>
                <a:gd name="T3" fmla="*/ 272 h 590"/>
                <a:gd name="T4" fmla="*/ 415 w 584"/>
                <a:gd name="T5" fmla="*/ 397 h 590"/>
                <a:gd name="T6" fmla="*/ 250 w 584"/>
                <a:gd name="T7" fmla="*/ 0 h 590"/>
                <a:gd name="T8" fmla="*/ 92 w 584"/>
                <a:gd name="T9" fmla="*/ 68 h 590"/>
                <a:gd name="T10" fmla="*/ 0 w 584"/>
                <a:gd name="T11" fmla="*/ 291 h 590"/>
                <a:gd name="T12" fmla="*/ 292 w 584"/>
                <a:gd name="T13" fmla="*/ 590 h 590"/>
                <a:gd name="T14" fmla="*/ 584 w 584"/>
                <a:gd name="T15" fmla="*/ 274 h 590"/>
                <a:gd name="T16" fmla="*/ 476 w 584"/>
                <a:gd name="T17" fmla="*/ 12 h 590"/>
                <a:gd name="T18" fmla="*/ 401 w 584"/>
                <a:gd name="T19" fmla="*/ 110 h 590"/>
                <a:gd name="T20" fmla="*/ 179 w 584"/>
                <a:gd name="T21" fmla="*/ 408 h 590"/>
                <a:gd name="T22" fmla="*/ 123 w 584"/>
                <a:gd name="T23" fmla="*/ 288 h 590"/>
                <a:gd name="T24" fmla="*/ 202 w 584"/>
                <a:gd name="T25" fmla="*/ 168 h 590"/>
                <a:gd name="T26" fmla="*/ 315 w 584"/>
                <a:gd name="T27" fmla="*/ 439 h 590"/>
                <a:gd name="T28" fmla="*/ 179 w 584"/>
                <a:gd name="T29" fmla="*/ 408 h 59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584" h="590">
                  <a:moveTo>
                    <a:pt x="401" y="110"/>
                  </a:moveTo>
                  <a:cubicBezTo>
                    <a:pt x="449" y="175"/>
                    <a:pt x="460" y="212"/>
                    <a:pt x="460" y="272"/>
                  </a:cubicBezTo>
                  <a:cubicBezTo>
                    <a:pt x="460" y="325"/>
                    <a:pt x="444" y="367"/>
                    <a:pt x="415" y="397"/>
                  </a:cubicBezTo>
                  <a:cubicBezTo>
                    <a:pt x="250" y="0"/>
                    <a:pt x="250" y="0"/>
                    <a:pt x="250" y="0"/>
                  </a:cubicBezTo>
                  <a:cubicBezTo>
                    <a:pt x="189" y="9"/>
                    <a:pt x="134" y="32"/>
                    <a:pt x="92" y="68"/>
                  </a:cubicBezTo>
                  <a:cubicBezTo>
                    <a:pt x="32" y="120"/>
                    <a:pt x="0" y="197"/>
                    <a:pt x="0" y="291"/>
                  </a:cubicBezTo>
                  <a:cubicBezTo>
                    <a:pt x="0" y="462"/>
                    <a:pt x="126" y="590"/>
                    <a:pt x="292" y="590"/>
                  </a:cubicBezTo>
                  <a:cubicBezTo>
                    <a:pt x="462" y="590"/>
                    <a:pt x="584" y="462"/>
                    <a:pt x="584" y="274"/>
                  </a:cubicBezTo>
                  <a:cubicBezTo>
                    <a:pt x="584" y="169"/>
                    <a:pt x="534" y="62"/>
                    <a:pt x="476" y="12"/>
                  </a:cubicBezTo>
                  <a:lnTo>
                    <a:pt x="401" y="110"/>
                  </a:lnTo>
                  <a:close/>
                  <a:moveTo>
                    <a:pt x="179" y="408"/>
                  </a:moveTo>
                  <a:cubicBezTo>
                    <a:pt x="144" y="381"/>
                    <a:pt x="123" y="339"/>
                    <a:pt x="123" y="288"/>
                  </a:cubicBezTo>
                  <a:cubicBezTo>
                    <a:pt x="123" y="232"/>
                    <a:pt x="155" y="190"/>
                    <a:pt x="202" y="168"/>
                  </a:cubicBezTo>
                  <a:cubicBezTo>
                    <a:pt x="315" y="439"/>
                    <a:pt x="315" y="439"/>
                    <a:pt x="315" y="439"/>
                  </a:cubicBezTo>
                  <a:cubicBezTo>
                    <a:pt x="257" y="447"/>
                    <a:pt x="212" y="432"/>
                    <a:pt x="179" y="408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41" name="Freeform 32">
              <a:extLst>
                <a:ext uri="{FF2B5EF4-FFF2-40B4-BE49-F238E27FC236}">
                  <a16:creationId xmlns:a16="http://schemas.microsoft.com/office/drawing/2014/main" id="{BD807C55-B428-4E3A-A768-FF2F2AA578F6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7313961" y="1846404"/>
              <a:ext cx="319161" cy="221640"/>
            </a:xfrm>
            <a:custGeom>
              <a:avLst/>
              <a:gdLst>
                <a:gd name="T0" fmla="*/ 580 w 720"/>
                <a:gd name="T1" fmla="*/ 0 h 500"/>
                <a:gd name="T2" fmla="*/ 580 w 720"/>
                <a:gd name="T3" fmla="*/ 346 h 500"/>
                <a:gd name="T4" fmla="*/ 0 w 720"/>
                <a:gd name="T5" fmla="*/ 346 h 500"/>
                <a:gd name="T6" fmla="*/ 0 w 720"/>
                <a:gd name="T7" fmla="*/ 500 h 500"/>
                <a:gd name="T8" fmla="*/ 720 w 720"/>
                <a:gd name="T9" fmla="*/ 500 h 500"/>
                <a:gd name="T10" fmla="*/ 720 w 720"/>
                <a:gd name="T11" fmla="*/ 0 h 500"/>
                <a:gd name="T12" fmla="*/ 580 w 720"/>
                <a:gd name="T13" fmla="*/ 0 h 5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720" h="500">
                  <a:moveTo>
                    <a:pt x="580" y="0"/>
                  </a:moveTo>
                  <a:lnTo>
                    <a:pt x="580" y="346"/>
                  </a:lnTo>
                  <a:lnTo>
                    <a:pt x="0" y="346"/>
                  </a:lnTo>
                  <a:lnTo>
                    <a:pt x="0" y="500"/>
                  </a:lnTo>
                  <a:lnTo>
                    <a:pt x="720" y="500"/>
                  </a:lnTo>
                  <a:lnTo>
                    <a:pt x="720" y="0"/>
                  </a:lnTo>
                  <a:lnTo>
                    <a:pt x="580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42" name="Freeform 33">
              <a:extLst>
                <a:ext uri="{FF2B5EF4-FFF2-40B4-BE49-F238E27FC236}">
                  <a16:creationId xmlns:a16="http://schemas.microsoft.com/office/drawing/2014/main" id="{46FC01F6-5587-4701-B3C6-0DC2032CAECD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7383556" y="501936"/>
              <a:ext cx="253999" cy="263752"/>
            </a:xfrm>
            <a:custGeom>
              <a:avLst/>
              <a:gdLst>
                <a:gd name="T0" fmla="*/ 584 w 584"/>
                <a:gd name="T1" fmla="*/ 304 h 607"/>
                <a:gd name="T2" fmla="*/ 292 w 584"/>
                <a:gd name="T3" fmla="*/ 607 h 607"/>
                <a:gd name="T4" fmla="*/ 0 w 584"/>
                <a:gd name="T5" fmla="*/ 302 h 607"/>
                <a:gd name="T6" fmla="*/ 292 w 584"/>
                <a:gd name="T7" fmla="*/ 0 h 607"/>
                <a:gd name="T8" fmla="*/ 584 w 584"/>
                <a:gd name="T9" fmla="*/ 304 h 607"/>
                <a:gd name="T10" fmla="*/ 133 w 584"/>
                <a:gd name="T11" fmla="*/ 304 h 607"/>
                <a:gd name="T12" fmla="*/ 292 w 584"/>
                <a:gd name="T13" fmla="*/ 454 h 607"/>
                <a:gd name="T14" fmla="*/ 451 w 584"/>
                <a:gd name="T15" fmla="*/ 302 h 607"/>
                <a:gd name="T16" fmla="*/ 292 w 584"/>
                <a:gd name="T17" fmla="*/ 153 h 607"/>
                <a:gd name="T18" fmla="*/ 133 w 584"/>
                <a:gd name="T19" fmla="*/ 304 h 607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584" h="607">
                  <a:moveTo>
                    <a:pt x="584" y="304"/>
                  </a:moveTo>
                  <a:cubicBezTo>
                    <a:pt x="584" y="474"/>
                    <a:pt x="457" y="607"/>
                    <a:pt x="292" y="607"/>
                  </a:cubicBezTo>
                  <a:cubicBezTo>
                    <a:pt x="128" y="607"/>
                    <a:pt x="0" y="473"/>
                    <a:pt x="0" y="302"/>
                  </a:cubicBezTo>
                  <a:cubicBezTo>
                    <a:pt x="0" y="133"/>
                    <a:pt x="126" y="0"/>
                    <a:pt x="292" y="0"/>
                  </a:cubicBezTo>
                  <a:cubicBezTo>
                    <a:pt x="455" y="0"/>
                    <a:pt x="584" y="133"/>
                    <a:pt x="584" y="304"/>
                  </a:cubicBezTo>
                  <a:moveTo>
                    <a:pt x="133" y="304"/>
                  </a:moveTo>
                  <a:cubicBezTo>
                    <a:pt x="133" y="391"/>
                    <a:pt x="198" y="454"/>
                    <a:pt x="292" y="454"/>
                  </a:cubicBezTo>
                  <a:cubicBezTo>
                    <a:pt x="381" y="454"/>
                    <a:pt x="451" y="387"/>
                    <a:pt x="451" y="302"/>
                  </a:cubicBezTo>
                  <a:cubicBezTo>
                    <a:pt x="451" y="216"/>
                    <a:pt x="383" y="153"/>
                    <a:pt x="292" y="153"/>
                  </a:cubicBezTo>
                  <a:cubicBezTo>
                    <a:pt x="203" y="153"/>
                    <a:pt x="133" y="219"/>
                    <a:pt x="133" y="304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43" name="Freeform 34">
              <a:extLst>
                <a:ext uri="{FF2B5EF4-FFF2-40B4-BE49-F238E27FC236}">
                  <a16:creationId xmlns:a16="http://schemas.microsoft.com/office/drawing/2014/main" id="{DC296814-EEBB-47E4-A1CC-8645F51DA98F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7383556" y="1021017"/>
              <a:ext cx="253999" cy="263752"/>
            </a:xfrm>
            <a:custGeom>
              <a:avLst/>
              <a:gdLst>
                <a:gd name="T0" fmla="*/ 584 w 584"/>
                <a:gd name="T1" fmla="*/ 305 h 607"/>
                <a:gd name="T2" fmla="*/ 292 w 584"/>
                <a:gd name="T3" fmla="*/ 607 h 607"/>
                <a:gd name="T4" fmla="*/ 0 w 584"/>
                <a:gd name="T5" fmla="*/ 303 h 607"/>
                <a:gd name="T6" fmla="*/ 292 w 584"/>
                <a:gd name="T7" fmla="*/ 0 h 607"/>
                <a:gd name="T8" fmla="*/ 584 w 584"/>
                <a:gd name="T9" fmla="*/ 305 h 607"/>
                <a:gd name="T10" fmla="*/ 133 w 584"/>
                <a:gd name="T11" fmla="*/ 305 h 607"/>
                <a:gd name="T12" fmla="*/ 292 w 584"/>
                <a:gd name="T13" fmla="*/ 454 h 607"/>
                <a:gd name="T14" fmla="*/ 451 w 584"/>
                <a:gd name="T15" fmla="*/ 303 h 607"/>
                <a:gd name="T16" fmla="*/ 292 w 584"/>
                <a:gd name="T17" fmla="*/ 153 h 607"/>
                <a:gd name="T18" fmla="*/ 133 w 584"/>
                <a:gd name="T19" fmla="*/ 305 h 607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584" h="607">
                  <a:moveTo>
                    <a:pt x="584" y="305"/>
                  </a:moveTo>
                  <a:cubicBezTo>
                    <a:pt x="584" y="474"/>
                    <a:pt x="457" y="607"/>
                    <a:pt x="292" y="607"/>
                  </a:cubicBezTo>
                  <a:cubicBezTo>
                    <a:pt x="128" y="607"/>
                    <a:pt x="0" y="474"/>
                    <a:pt x="0" y="303"/>
                  </a:cubicBezTo>
                  <a:cubicBezTo>
                    <a:pt x="0" y="133"/>
                    <a:pt x="126" y="0"/>
                    <a:pt x="292" y="0"/>
                  </a:cubicBezTo>
                  <a:cubicBezTo>
                    <a:pt x="455" y="0"/>
                    <a:pt x="584" y="134"/>
                    <a:pt x="584" y="305"/>
                  </a:cubicBezTo>
                  <a:moveTo>
                    <a:pt x="133" y="305"/>
                  </a:moveTo>
                  <a:cubicBezTo>
                    <a:pt x="133" y="391"/>
                    <a:pt x="198" y="454"/>
                    <a:pt x="292" y="454"/>
                  </a:cubicBezTo>
                  <a:cubicBezTo>
                    <a:pt x="381" y="454"/>
                    <a:pt x="451" y="388"/>
                    <a:pt x="451" y="303"/>
                  </a:cubicBezTo>
                  <a:cubicBezTo>
                    <a:pt x="451" y="216"/>
                    <a:pt x="383" y="153"/>
                    <a:pt x="292" y="153"/>
                  </a:cubicBezTo>
                  <a:cubicBezTo>
                    <a:pt x="203" y="153"/>
                    <a:pt x="133" y="220"/>
                    <a:pt x="133" y="305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grpSp>
        <p:nvGrpSpPr>
          <p:cNvPr id="53" name="Group 52">
            <a:extLst>
              <a:ext uri="{FF2B5EF4-FFF2-40B4-BE49-F238E27FC236}">
                <a16:creationId xmlns:a16="http://schemas.microsoft.com/office/drawing/2014/main" id="{80CD9248-0A2C-4050-B347-2980229F11A8}"/>
              </a:ext>
            </a:extLst>
          </p:cNvPr>
          <p:cNvGrpSpPr/>
          <p:nvPr userDrawn="1"/>
        </p:nvGrpSpPr>
        <p:grpSpPr>
          <a:xfrm>
            <a:off x="1154741" y="3561907"/>
            <a:ext cx="7851377" cy="1769127"/>
            <a:chOff x="541049" y="2649538"/>
            <a:chExt cx="9285724" cy="2092325"/>
          </a:xfrm>
          <a:solidFill>
            <a:schemeClr val="accent1"/>
          </a:solidFill>
        </p:grpSpPr>
        <p:sp>
          <p:nvSpPr>
            <p:cNvPr id="54" name="Freeform 5">
              <a:extLst>
                <a:ext uri="{FF2B5EF4-FFF2-40B4-BE49-F238E27FC236}">
                  <a16:creationId xmlns:a16="http://schemas.microsoft.com/office/drawing/2014/main" id="{99FEE917-CD84-4C97-B4F9-73DFE2A473DA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41049" y="2809876"/>
              <a:ext cx="963613" cy="1928813"/>
            </a:xfrm>
            <a:custGeom>
              <a:avLst/>
              <a:gdLst>
                <a:gd name="T0" fmla="*/ 57 w 301"/>
                <a:gd name="T1" fmla="*/ 458 h 600"/>
                <a:gd name="T2" fmla="*/ 57 w 301"/>
                <a:gd name="T3" fmla="*/ 235 h 600"/>
                <a:gd name="T4" fmla="*/ 0 w 301"/>
                <a:gd name="T5" fmla="*/ 235 h 600"/>
                <a:gd name="T6" fmla="*/ 0 w 301"/>
                <a:gd name="T7" fmla="*/ 121 h 600"/>
                <a:gd name="T8" fmla="*/ 57 w 301"/>
                <a:gd name="T9" fmla="*/ 121 h 600"/>
                <a:gd name="T10" fmla="*/ 57 w 301"/>
                <a:gd name="T11" fmla="*/ 0 h 600"/>
                <a:gd name="T12" fmla="*/ 190 w 301"/>
                <a:gd name="T13" fmla="*/ 0 h 600"/>
                <a:gd name="T14" fmla="*/ 190 w 301"/>
                <a:gd name="T15" fmla="*/ 121 h 600"/>
                <a:gd name="T16" fmla="*/ 301 w 301"/>
                <a:gd name="T17" fmla="*/ 121 h 600"/>
                <a:gd name="T18" fmla="*/ 301 w 301"/>
                <a:gd name="T19" fmla="*/ 235 h 600"/>
                <a:gd name="T20" fmla="*/ 190 w 301"/>
                <a:gd name="T21" fmla="*/ 235 h 600"/>
                <a:gd name="T22" fmla="*/ 190 w 301"/>
                <a:gd name="T23" fmla="*/ 436 h 600"/>
                <a:gd name="T24" fmla="*/ 233 w 301"/>
                <a:gd name="T25" fmla="*/ 482 h 600"/>
                <a:gd name="T26" fmla="*/ 299 w 301"/>
                <a:gd name="T27" fmla="*/ 465 h 600"/>
                <a:gd name="T28" fmla="*/ 299 w 301"/>
                <a:gd name="T29" fmla="*/ 573 h 600"/>
                <a:gd name="T30" fmla="*/ 194 w 301"/>
                <a:gd name="T31" fmla="*/ 600 h 600"/>
                <a:gd name="T32" fmla="*/ 57 w 301"/>
                <a:gd name="T33" fmla="*/ 458 h 6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</a:cxnLst>
              <a:rect l="0" t="0" r="r" b="b"/>
              <a:pathLst>
                <a:path w="301" h="600">
                  <a:moveTo>
                    <a:pt x="57" y="458"/>
                  </a:moveTo>
                  <a:cubicBezTo>
                    <a:pt x="57" y="235"/>
                    <a:pt x="57" y="235"/>
                    <a:pt x="57" y="235"/>
                  </a:cubicBezTo>
                  <a:cubicBezTo>
                    <a:pt x="0" y="235"/>
                    <a:pt x="0" y="235"/>
                    <a:pt x="0" y="235"/>
                  </a:cubicBezTo>
                  <a:cubicBezTo>
                    <a:pt x="0" y="121"/>
                    <a:pt x="0" y="121"/>
                    <a:pt x="0" y="121"/>
                  </a:cubicBezTo>
                  <a:cubicBezTo>
                    <a:pt x="57" y="121"/>
                    <a:pt x="57" y="121"/>
                    <a:pt x="57" y="121"/>
                  </a:cubicBezTo>
                  <a:cubicBezTo>
                    <a:pt x="57" y="0"/>
                    <a:pt x="57" y="0"/>
                    <a:pt x="57" y="0"/>
                  </a:cubicBezTo>
                  <a:cubicBezTo>
                    <a:pt x="190" y="0"/>
                    <a:pt x="190" y="0"/>
                    <a:pt x="190" y="0"/>
                  </a:cubicBezTo>
                  <a:cubicBezTo>
                    <a:pt x="190" y="121"/>
                    <a:pt x="190" y="121"/>
                    <a:pt x="190" y="121"/>
                  </a:cubicBezTo>
                  <a:cubicBezTo>
                    <a:pt x="301" y="121"/>
                    <a:pt x="301" y="121"/>
                    <a:pt x="301" y="121"/>
                  </a:cubicBezTo>
                  <a:cubicBezTo>
                    <a:pt x="301" y="235"/>
                    <a:pt x="301" y="235"/>
                    <a:pt x="301" y="235"/>
                  </a:cubicBezTo>
                  <a:cubicBezTo>
                    <a:pt x="190" y="235"/>
                    <a:pt x="190" y="235"/>
                    <a:pt x="190" y="235"/>
                  </a:cubicBezTo>
                  <a:cubicBezTo>
                    <a:pt x="190" y="436"/>
                    <a:pt x="190" y="436"/>
                    <a:pt x="190" y="436"/>
                  </a:cubicBezTo>
                  <a:cubicBezTo>
                    <a:pt x="190" y="467"/>
                    <a:pt x="203" y="482"/>
                    <a:pt x="233" y="482"/>
                  </a:cubicBezTo>
                  <a:cubicBezTo>
                    <a:pt x="258" y="482"/>
                    <a:pt x="280" y="476"/>
                    <a:pt x="299" y="465"/>
                  </a:cubicBezTo>
                  <a:cubicBezTo>
                    <a:pt x="299" y="573"/>
                    <a:pt x="299" y="573"/>
                    <a:pt x="299" y="573"/>
                  </a:cubicBezTo>
                  <a:cubicBezTo>
                    <a:pt x="271" y="590"/>
                    <a:pt x="239" y="600"/>
                    <a:pt x="194" y="600"/>
                  </a:cubicBezTo>
                  <a:cubicBezTo>
                    <a:pt x="112" y="600"/>
                    <a:pt x="57" y="568"/>
                    <a:pt x="57" y="458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5" name="Freeform 6">
              <a:extLst>
                <a:ext uri="{FF2B5EF4-FFF2-40B4-BE49-F238E27FC236}">
                  <a16:creationId xmlns:a16="http://schemas.microsoft.com/office/drawing/2014/main" id="{78C9364A-BFFF-4F94-9D90-8A71731D6352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1708151" y="2649538"/>
              <a:ext cx="1382713" cy="2063750"/>
            </a:xfrm>
            <a:custGeom>
              <a:avLst/>
              <a:gdLst>
                <a:gd name="T0" fmla="*/ 0 w 432"/>
                <a:gd name="T1" fmla="*/ 0 h 642"/>
                <a:gd name="T2" fmla="*/ 134 w 432"/>
                <a:gd name="T3" fmla="*/ 0 h 642"/>
                <a:gd name="T4" fmla="*/ 134 w 432"/>
                <a:gd name="T5" fmla="*/ 237 h 642"/>
                <a:gd name="T6" fmla="*/ 272 w 432"/>
                <a:gd name="T7" fmla="*/ 162 h 642"/>
                <a:gd name="T8" fmla="*/ 432 w 432"/>
                <a:gd name="T9" fmla="*/ 337 h 642"/>
                <a:gd name="T10" fmla="*/ 432 w 432"/>
                <a:gd name="T11" fmla="*/ 642 h 642"/>
                <a:gd name="T12" fmla="*/ 298 w 432"/>
                <a:gd name="T13" fmla="*/ 642 h 642"/>
                <a:gd name="T14" fmla="*/ 298 w 432"/>
                <a:gd name="T15" fmla="*/ 379 h 642"/>
                <a:gd name="T16" fmla="*/ 218 w 432"/>
                <a:gd name="T17" fmla="*/ 283 h 642"/>
                <a:gd name="T18" fmla="*/ 134 w 432"/>
                <a:gd name="T19" fmla="*/ 379 h 642"/>
                <a:gd name="T20" fmla="*/ 134 w 432"/>
                <a:gd name="T21" fmla="*/ 642 h 642"/>
                <a:gd name="T22" fmla="*/ 0 w 432"/>
                <a:gd name="T23" fmla="*/ 642 h 642"/>
                <a:gd name="T24" fmla="*/ 0 w 432"/>
                <a:gd name="T25" fmla="*/ 0 h 64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432" h="642">
                  <a:moveTo>
                    <a:pt x="0" y="0"/>
                  </a:moveTo>
                  <a:cubicBezTo>
                    <a:pt x="134" y="0"/>
                    <a:pt x="134" y="0"/>
                    <a:pt x="134" y="0"/>
                  </a:cubicBezTo>
                  <a:cubicBezTo>
                    <a:pt x="134" y="237"/>
                    <a:pt x="134" y="237"/>
                    <a:pt x="134" y="237"/>
                  </a:cubicBezTo>
                  <a:cubicBezTo>
                    <a:pt x="165" y="198"/>
                    <a:pt x="204" y="162"/>
                    <a:pt x="272" y="162"/>
                  </a:cubicBezTo>
                  <a:cubicBezTo>
                    <a:pt x="373" y="162"/>
                    <a:pt x="432" y="229"/>
                    <a:pt x="432" y="337"/>
                  </a:cubicBezTo>
                  <a:cubicBezTo>
                    <a:pt x="432" y="642"/>
                    <a:pt x="432" y="642"/>
                    <a:pt x="432" y="642"/>
                  </a:cubicBezTo>
                  <a:cubicBezTo>
                    <a:pt x="298" y="642"/>
                    <a:pt x="298" y="642"/>
                    <a:pt x="298" y="642"/>
                  </a:cubicBezTo>
                  <a:cubicBezTo>
                    <a:pt x="298" y="379"/>
                    <a:pt x="298" y="379"/>
                    <a:pt x="298" y="379"/>
                  </a:cubicBezTo>
                  <a:cubicBezTo>
                    <a:pt x="298" y="316"/>
                    <a:pt x="269" y="283"/>
                    <a:pt x="218" y="283"/>
                  </a:cubicBezTo>
                  <a:cubicBezTo>
                    <a:pt x="166" y="283"/>
                    <a:pt x="134" y="316"/>
                    <a:pt x="134" y="379"/>
                  </a:cubicBezTo>
                  <a:cubicBezTo>
                    <a:pt x="134" y="642"/>
                    <a:pt x="134" y="642"/>
                    <a:pt x="134" y="642"/>
                  </a:cubicBezTo>
                  <a:cubicBezTo>
                    <a:pt x="0" y="642"/>
                    <a:pt x="0" y="642"/>
                    <a:pt x="0" y="642"/>
                  </a:cubicBezTo>
                  <a:lnTo>
                    <a:pt x="0" y="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6" name="Freeform 7">
              <a:extLst>
                <a:ext uri="{FF2B5EF4-FFF2-40B4-BE49-F238E27FC236}">
                  <a16:creationId xmlns:a16="http://schemas.microsoft.com/office/drawing/2014/main" id="{E572E624-9DE1-4F42-A7F5-36B7B8A2F63B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3261304" y="3179763"/>
              <a:ext cx="1390650" cy="1562100"/>
            </a:xfrm>
            <a:custGeom>
              <a:avLst/>
              <a:gdLst>
                <a:gd name="T0" fmla="*/ 0 w 434"/>
                <a:gd name="T1" fmla="*/ 342 h 486"/>
                <a:gd name="T2" fmla="*/ 0 w 434"/>
                <a:gd name="T3" fmla="*/ 340 h 486"/>
                <a:gd name="T4" fmla="*/ 190 w 434"/>
                <a:gd name="T5" fmla="*/ 189 h 486"/>
                <a:gd name="T6" fmla="*/ 305 w 434"/>
                <a:gd name="T7" fmla="*/ 209 h 486"/>
                <a:gd name="T8" fmla="*/ 305 w 434"/>
                <a:gd name="T9" fmla="*/ 201 h 486"/>
                <a:gd name="T10" fmla="*/ 204 w 434"/>
                <a:gd name="T11" fmla="*/ 115 h 486"/>
                <a:gd name="T12" fmla="*/ 74 w 434"/>
                <a:gd name="T13" fmla="*/ 140 h 486"/>
                <a:gd name="T14" fmla="*/ 40 w 434"/>
                <a:gd name="T15" fmla="*/ 38 h 486"/>
                <a:gd name="T16" fmla="*/ 223 w 434"/>
                <a:gd name="T17" fmla="*/ 0 h 486"/>
                <a:gd name="T18" fmla="*/ 383 w 434"/>
                <a:gd name="T19" fmla="*/ 53 h 486"/>
                <a:gd name="T20" fmla="*/ 434 w 434"/>
                <a:gd name="T21" fmla="*/ 204 h 486"/>
                <a:gd name="T22" fmla="*/ 434 w 434"/>
                <a:gd name="T23" fmla="*/ 477 h 486"/>
                <a:gd name="T24" fmla="*/ 304 w 434"/>
                <a:gd name="T25" fmla="*/ 477 h 486"/>
                <a:gd name="T26" fmla="*/ 304 w 434"/>
                <a:gd name="T27" fmla="*/ 426 h 486"/>
                <a:gd name="T28" fmla="*/ 162 w 434"/>
                <a:gd name="T29" fmla="*/ 486 h 486"/>
                <a:gd name="T30" fmla="*/ 0 w 434"/>
                <a:gd name="T31" fmla="*/ 342 h 486"/>
                <a:gd name="T32" fmla="*/ 307 w 434"/>
                <a:gd name="T33" fmla="*/ 311 h 486"/>
                <a:gd name="T34" fmla="*/ 307 w 434"/>
                <a:gd name="T35" fmla="*/ 287 h 486"/>
                <a:gd name="T36" fmla="*/ 222 w 434"/>
                <a:gd name="T37" fmla="*/ 270 h 486"/>
                <a:gd name="T38" fmla="*/ 129 w 434"/>
                <a:gd name="T39" fmla="*/ 335 h 486"/>
                <a:gd name="T40" fmla="*/ 129 w 434"/>
                <a:gd name="T41" fmla="*/ 336 h 486"/>
                <a:gd name="T42" fmla="*/ 202 w 434"/>
                <a:gd name="T43" fmla="*/ 394 h 486"/>
                <a:gd name="T44" fmla="*/ 307 w 434"/>
                <a:gd name="T45" fmla="*/ 311 h 486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</a:cxnLst>
              <a:rect l="0" t="0" r="r" b="b"/>
              <a:pathLst>
                <a:path w="434" h="486">
                  <a:moveTo>
                    <a:pt x="0" y="342"/>
                  </a:moveTo>
                  <a:cubicBezTo>
                    <a:pt x="0" y="340"/>
                    <a:pt x="0" y="340"/>
                    <a:pt x="0" y="340"/>
                  </a:cubicBezTo>
                  <a:cubicBezTo>
                    <a:pt x="0" y="237"/>
                    <a:pt x="78" y="189"/>
                    <a:pt x="190" y="189"/>
                  </a:cubicBezTo>
                  <a:cubicBezTo>
                    <a:pt x="237" y="189"/>
                    <a:pt x="272" y="197"/>
                    <a:pt x="305" y="209"/>
                  </a:cubicBezTo>
                  <a:cubicBezTo>
                    <a:pt x="305" y="201"/>
                    <a:pt x="305" y="201"/>
                    <a:pt x="305" y="201"/>
                  </a:cubicBezTo>
                  <a:cubicBezTo>
                    <a:pt x="305" y="145"/>
                    <a:pt x="271" y="115"/>
                    <a:pt x="204" y="115"/>
                  </a:cubicBezTo>
                  <a:cubicBezTo>
                    <a:pt x="153" y="115"/>
                    <a:pt x="117" y="124"/>
                    <a:pt x="74" y="140"/>
                  </a:cubicBezTo>
                  <a:cubicBezTo>
                    <a:pt x="40" y="38"/>
                    <a:pt x="40" y="38"/>
                    <a:pt x="40" y="38"/>
                  </a:cubicBezTo>
                  <a:cubicBezTo>
                    <a:pt x="92" y="15"/>
                    <a:pt x="143" y="0"/>
                    <a:pt x="223" y="0"/>
                  </a:cubicBezTo>
                  <a:cubicBezTo>
                    <a:pt x="296" y="0"/>
                    <a:pt x="349" y="20"/>
                    <a:pt x="383" y="53"/>
                  </a:cubicBezTo>
                  <a:cubicBezTo>
                    <a:pt x="418" y="88"/>
                    <a:pt x="434" y="140"/>
                    <a:pt x="434" y="204"/>
                  </a:cubicBezTo>
                  <a:cubicBezTo>
                    <a:pt x="434" y="477"/>
                    <a:pt x="434" y="477"/>
                    <a:pt x="434" y="477"/>
                  </a:cubicBezTo>
                  <a:cubicBezTo>
                    <a:pt x="304" y="477"/>
                    <a:pt x="304" y="477"/>
                    <a:pt x="304" y="477"/>
                  </a:cubicBezTo>
                  <a:cubicBezTo>
                    <a:pt x="304" y="426"/>
                    <a:pt x="304" y="426"/>
                    <a:pt x="304" y="426"/>
                  </a:cubicBezTo>
                  <a:cubicBezTo>
                    <a:pt x="272" y="462"/>
                    <a:pt x="227" y="486"/>
                    <a:pt x="162" y="486"/>
                  </a:cubicBezTo>
                  <a:cubicBezTo>
                    <a:pt x="73" y="486"/>
                    <a:pt x="0" y="435"/>
                    <a:pt x="0" y="342"/>
                  </a:cubicBezTo>
                  <a:close/>
                  <a:moveTo>
                    <a:pt x="307" y="311"/>
                  </a:moveTo>
                  <a:cubicBezTo>
                    <a:pt x="307" y="287"/>
                    <a:pt x="307" y="287"/>
                    <a:pt x="307" y="287"/>
                  </a:cubicBezTo>
                  <a:cubicBezTo>
                    <a:pt x="284" y="277"/>
                    <a:pt x="254" y="270"/>
                    <a:pt x="222" y="270"/>
                  </a:cubicBezTo>
                  <a:cubicBezTo>
                    <a:pt x="164" y="270"/>
                    <a:pt x="129" y="292"/>
                    <a:pt x="129" y="335"/>
                  </a:cubicBezTo>
                  <a:cubicBezTo>
                    <a:pt x="129" y="336"/>
                    <a:pt x="129" y="336"/>
                    <a:pt x="129" y="336"/>
                  </a:cubicBezTo>
                  <a:cubicBezTo>
                    <a:pt x="129" y="372"/>
                    <a:pt x="159" y="394"/>
                    <a:pt x="202" y="394"/>
                  </a:cubicBezTo>
                  <a:cubicBezTo>
                    <a:pt x="265" y="394"/>
                    <a:pt x="307" y="359"/>
                    <a:pt x="307" y="311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7" name="Freeform 8">
              <a:extLst>
                <a:ext uri="{FF2B5EF4-FFF2-40B4-BE49-F238E27FC236}">
                  <a16:creationId xmlns:a16="http://schemas.microsoft.com/office/drawing/2014/main" id="{DD8A238C-0295-48D1-8872-FE51165DDEE4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4859916" y="3170238"/>
              <a:ext cx="1384300" cy="1543050"/>
            </a:xfrm>
            <a:custGeom>
              <a:avLst/>
              <a:gdLst>
                <a:gd name="T0" fmla="*/ 0 w 432"/>
                <a:gd name="T1" fmla="*/ 9 h 480"/>
                <a:gd name="T2" fmla="*/ 133 w 432"/>
                <a:gd name="T3" fmla="*/ 9 h 480"/>
                <a:gd name="T4" fmla="*/ 133 w 432"/>
                <a:gd name="T5" fmla="*/ 75 h 480"/>
                <a:gd name="T6" fmla="*/ 272 w 432"/>
                <a:gd name="T7" fmla="*/ 0 h 480"/>
                <a:gd name="T8" fmla="*/ 432 w 432"/>
                <a:gd name="T9" fmla="*/ 175 h 480"/>
                <a:gd name="T10" fmla="*/ 432 w 432"/>
                <a:gd name="T11" fmla="*/ 480 h 480"/>
                <a:gd name="T12" fmla="*/ 298 w 432"/>
                <a:gd name="T13" fmla="*/ 480 h 480"/>
                <a:gd name="T14" fmla="*/ 298 w 432"/>
                <a:gd name="T15" fmla="*/ 217 h 480"/>
                <a:gd name="T16" fmla="*/ 217 w 432"/>
                <a:gd name="T17" fmla="*/ 121 h 480"/>
                <a:gd name="T18" fmla="*/ 133 w 432"/>
                <a:gd name="T19" fmla="*/ 217 h 480"/>
                <a:gd name="T20" fmla="*/ 133 w 432"/>
                <a:gd name="T21" fmla="*/ 480 h 480"/>
                <a:gd name="T22" fmla="*/ 0 w 432"/>
                <a:gd name="T23" fmla="*/ 480 h 480"/>
                <a:gd name="T24" fmla="*/ 0 w 432"/>
                <a:gd name="T25" fmla="*/ 9 h 48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432" h="480">
                  <a:moveTo>
                    <a:pt x="0" y="9"/>
                  </a:moveTo>
                  <a:cubicBezTo>
                    <a:pt x="133" y="9"/>
                    <a:pt x="133" y="9"/>
                    <a:pt x="133" y="9"/>
                  </a:cubicBezTo>
                  <a:cubicBezTo>
                    <a:pt x="133" y="75"/>
                    <a:pt x="133" y="75"/>
                    <a:pt x="133" y="75"/>
                  </a:cubicBezTo>
                  <a:cubicBezTo>
                    <a:pt x="164" y="36"/>
                    <a:pt x="204" y="0"/>
                    <a:pt x="272" y="0"/>
                  </a:cubicBezTo>
                  <a:cubicBezTo>
                    <a:pt x="373" y="0"/>
                    <a:pt x="432" y="67"/>
                    <a:pt x="432" y="175"/>
                  </a:cubicBezTo>
                  <a:cubicBezTo>
                    <a:pt x="432" y="480"/>
                    <a:pt x="432" y="480"/>
                    <a:pt x="432" y="480"/>
                  </a:cubicBezTo>
                  <a:cubicBezTo>
                    <a:pt x="298" y="480"/>
                    <a:pt x="298" y="480"/>
                    <a:pt x="298" y="480"/>
                  </a:cubicBezTo>
                  <a:cubicBezTo>
                    <a:pt x="298" y="217"/>
                    <a:pt x="298" y="217"/>
                    <a:pt x="298" y="217"/>
                  </a:cubicBezTo>
                  <a:cubicBezTo>
                    <a:pt x="298" y="154"/>
                    <a:pt x="268" y="121"/>
                    <a:pt x="217" y="121"/>
                  </a:cubicBezTo>
                  <a:cubicBezTo>
                    <a:pt x="166" y="121"/>
                    <a:pt x="133" y="154"/>
                    <a:pt x="133" y="217"/>
                  </a:cubicBezTo>
                  <a:cubicBezTo>
                    <a:pt x="133" y="480"/>
                    <a:pt x="133" y="480"/>
                    <a:pt x="133" y="480"/>
                  </a:cubicBezTo>
                  <a:cubicBezTo>
                    <a:pt x="0" y="480"/>
                    <a:pt x="0" y="480"/>
                    <a:pt x="0" y="480"/>
                  </a:cubicBezTo>
                  <a:lnTo>
                    <a:pt x="0" y="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8" name="Freeform 9">
              <a:extLst>
                <a:ext uri="{FF2B5EF4-FFF2-40B4-BE49-F238E27FC236}">
                  <a16:creationId xmlns:a16="http://schemas.microsoft.com/office/drawing/2014/main" id="{6849E95A-0C53-4220-85E0-6DFCEA7D1C44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436593" y="2649538"/>
              <a:ext cx="1460500" cy="2063750"/>
            </a:xfrm>
            <a:custGeom>
              <a:avLst/>
              <a:gdLst>
                <a:gd name="T0" fmla="*/ 0 w 920"/>
                <a:gd name="T1" fmla="*/ 0 h 1300"/>
                <a:gd name="T2" fmla="*/ 270 w 920"/>
                <a:gd name="T3" fmla="*/ 0 h 1300"/>
                <a:gd name="T4" fmla="*/ 270 w 920"/>
                <a:gd name="T5" fmla="*/ 692 h 1300"/>
                <a:gd name="T6" fmla="*/ 585 w 920"/>
                <a:gd name="T7" fmla="*/ 346 h 1300"/>
                <a:gd name="T8" fmla="*/ 908 w 920"/>
                <a:gd name="T9" fmla="*/ 346 h 1300"/>
                <a:gd name="T10" fmla="*/ 547 w 920"/>
                <a:gd name="T11" fmla="*/ 721 h 1300"/>
                <a:gd name="T12" fmla="*/ 920 w 920"/>
                <a:gd name="T13" fmla="*/ 1300 h 1300"/>
                <a:gd name="T14" fmla="*/ 609 w 920"/>
                <a:gd name="T15" fmla="*/ 1300 h 1300"/>
                <a:gd name="T16" fmla="*/ 365 w 920"/>
                <a:gd name="T17" fmla="*/ 909 h 1300"/>
                <a:gd name="T18" fmla="*/ 270 w 920"/>
                <a:gd name="T19" fmla="*/ 1010 h 1300"/>
                <a:gd name="T20" fmla="*/ 270 w 920"/>
                <a:gd name="T21" fmla="*/ 1300 h 1300"/>
                <a:gd name="T22" fmla="*/ 0 w 920"/>
                <a:gd name="T23" fmla="*/ 1300 h 1300"/>
                <a:gd name="T24" fmla="*/ 0 w 920"/>
                <a:gd name="T25" fmla="*/ 0 h 13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920" h="1300">
                  <a:moveTo>
                    <a:pt x="0" y="0"/>
                  </a:moveTo>
                  <a:lnTo>
                    <a:pt x="270" y="0"/>
                  </a:lnTo>
                  <a:lnTo>
                    <a:pt x="270" y="692"/>
                  </a:lnTo>
                  <a:lnTo>
                    <a:pt x="585" y="346"/>
                  </a:lnTo>
                  <a:lnTo>
                    <a:pt x="908" y="346"/>
                  </a:lnTo>
                  <a:lnTo>
                    <a:pt x="547" y="721"/>
                  </a:lnTo>
                  <a:lnTo>
                    <a:pt x="920" y="1300"/>
                  </a:lnTo>
                  <a:lnTo>
                    <a:pt x="609" y="1300"/>
                  </a:lnTo>
                  <a:lnTo>
                    <a:pt x="365" y="909"/>
                  </a:lnTo>
                  <a:lnTo>
                    <a:pt x="270" y="1010"/>
                  </a:lnTo>
                  <a:lnTo>
                    <a:pt x="270" y="1300"/>
                  </a:lnTo>
                  <a:lnTo>
                    <a:pt x="0" y="1300"/>
                  </a:lnTo>
                  <a:lnTo>
                    <a:pt x="0" y="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9" name="Freeform 10">
              <a:extLst>
                <a:ext uri="{FF2B5EF4-FFF2-40B4-BE49-F238E27FC236}">
                  <a16:creationId xmlns:a16="http://schemas.microsoft.com/office/drawing/2014/main" id="{056EAF60-5381-416A-895C-D1FAED9FDFFF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7919896" y="3173413"/>
              <a:ext cx="1227138" cy="1568450"/>
            </a:xfrm>
            <a:custGeom>
              <a:avLst/>
              <a:gdLst>
                <a:gd name="T0" fmla="*/ 0 w 383"/>
                <a:gd name="T1" fmla="*/ 417 h 488"/>
                <a:gd name="T2" fmla="*/ 57 w 383"/>
                <a:gd name="T3" fmla="*/ 329 h 488"/>
                <a:gd name="T4" fmla="*/ 206 w 383"/>
                <a:gd name="T5" fmla="*/ 385 h 488"/>
                <a:gd name="T6" fmla="*/ 262 w 383"/>
                <a:gd name="T7" fmla="*/ 350 h 488"/>
                <a:gd name="T8" fmla="*/ 262 w 383"/>
                <a:gd name="T9" fmla="*/ 348 h 488"/>
                <a:gd name="T10" fmla="*/ 165 w 383"/>
                <a:gd name="T11" fmla="*/ 294 h 488"/>
                <a:gd name="T12" fmla="*/ 24 w 383"/>
                <a:gd name="T13" fmla="*/ 152 h 488"/>
                <a:gd name="T14" fmla="*/ 24 w 383"/>
                <a:gd name="T15" fmla="*/ 150 h 488"/>
                <a:gd name="T16" fmla="*/ 196 w 383"/>
                <a:gd name="T17" fmla="*/ 0 h 488"/>
                <a:gd name="T18" fmla="*/ 372 w 383"/>
                <a:gd name="T19" fmla="*/ 55 h 488"/>
                <a:gd name="T20" fmla="*/ 321 w 383"/>
                <a:gd name="T21" fmla="*/ 147 h 488"/>
                <a:gd name="T22" fmla="*/ 194 w 383"/>
                <a:gd name="T23" fmla="*/ 103 h 488"/>
                <a:gd name="T24" fmla="*/ 144 w 383"/>
                <a:gd name="T25" fmla="*/ 136 h 488"/>
                <a:gd name="T26" fmla="*/ 144 w 383"/>
                <a:gd name="T27" fmla="*/ 138 h 488"/>
                <a:gd name="T28" fmla="*/ 240 w 383"/>
                <a:gd name="T29" fmla="*/ 194 h 488"/>
                <a:gd name="T30" fmla="*/ 383 w 383"/>
                <a:gd name="T31" fmla="*/ 334 h 488"/>
                <a:gd name="T32" fmla="*/ 383 w 383"/>
                <a:gd name="T33" fmla="*/ 336 h 488"/>
                <a:gd name="T34" fmla="*/ 203 w 383"/>
                <a:gd name="T35" fmla="*/ 488 h 488"/>
                <a:gd name="T36" fmla="*/ 0 w 383"/>
                <a:gd name="T37" fmla="*/ 417 h 48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</a:cxnLst>
              <a:rect l="0" t="0" r="r" b="b"/>
              <a:pathLst>
                <a:path w="383" h="488">
                  <a:moveTo>
                    <a:pt x="0" y="417"/>
                  </a:moveTo>
                  <a:cubicBezTo>
                    <a:pt x="57" y="329"/>
                    <a:pt x="57" y="329"/>
                    <a:pt x="57" y="329"/>
                  </a:cubicBezTo>
                  <a:cubicBezTo>
                    <a:pt x="108" y="366"/>
                    <a:pt x="162" y="385"/>
                    <a:pt x="206" y="385"/>
                  </a:cubicBezTo>
                  <a:cubicBezTo>
                    <a:pt x="245" y="385"/>
                    <a:pt x="262" y="371"/>
                    <a:pt x="262" y="350"/>
                  </a:cubicBezTo>
                  <a:cubicBezTo>
                    <a:pt x="262" y="348"/>
                    <a:pt x="262" y="348"/>
                    <a:pt x="262" y="348"/>
                  </a:cubicBezTo>
                  <a:cubicBezTo>
                    <a:pt x="262" y="319"/>
                    <a:pt x="217" y="309"/>
                    <a:pt x="165" y="294"/>
                  </a:cubicBezTo>
                  <a:cubicBezTo>
                    <a:pt x="99" y="274"/>
                    <a:pt x="24" y="243"/>
                    <a:pt x="24" y="152"/>
                  </a:cubicBezTo>
                  <a:cubicBezTo>
                    <a:pt x="24" y="150"/>
                    <a:pt x="24" y="150"/>
                    <a:pt x="24" y="150"/>
                  </a:cubicBezTo>
                  <a:cubicBezTo>
                    <a:pt x="24" y="54"/>
                    <a:pt x="101" y="0"/>
                    <a:pt x="196" y="0"/>
                  </a:cubicBezTo>
                  <a:cubicBezTo>
                    <a:pt x="256" y="0"/>
                    <a:pt x="321" y="21"/>
                    <a:pt x="372" y="55"/>
                  </a:cubicBezTo>
                  <a:cubicBezTo>
                    <a:pt x="321" y="147"/>
                    <a:pt x="321" y="147"/>
                    <a:pt x="321" y="147"/>
                  </a:cubicBezTo>
                  <a:cubicBezTo>
                    <a:pt x="275" y="120"/>
                    <a:pt x="228" y="103"/>
                    <a:pt x="194" y="103"/>
                  </a:cubicBezTo>
                  <a:cubicBezTo>
                    <a:pt x="161" y="103"/>
                    <a:pt x="144" y="118"/>
                    <a:pt x="144" y="136"/>
                  </a:cubicBezTo>
                  <a:cubicBezTo>
                    <a:pt x="144" y="138"/>
                    <a:pt x="144" y="138"/>
                    <a:pt x="144" y="138"/>
                  </a:cubicBezTo>
                  <a:cubicBezTo>
                    <a:pt x="144" y="164"/>
                    <a:pt x="189" y="176"/>
                    <a:pt x="240" y="194"/>
                  </a:cubicBezTo>
                  <a:cubicBezTo>
                    <a:pt x="306" y="216"/>
                    <a:pt x="383" y="248"/>
                    <a:pt x="383" y="334"/>
                  </a:cubicBezTo>
                  <a:cubicBezTo>
                    <a:pt x="383" y="336"/>
                    <a:pt x="383" y="336"/>
                    <a:pt x="383" y="336"/>
                  </a:cubicBezTo>
                  <a:cubicBezTo>
                    <a:pt x="383" y="440"/>
                    <a:pt x="305" y="488"/>
                    <a:pt x="203" y="488"/>
                  </a:cubicBezTo>
                  <a:cubicBezTo>
                    <a:pt x="137" y="488"/>
                    <a:pt x="63" y="466"/>
                    <a:pt x="0" y="417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60" name="Oval 11">
              <a:extLst>
                <a:ext uri="{FF2B5EF4-FFF2-40B4-BE49-F238E27FC236}">
                  <a16:creationId xmlns:a16="http://schemas.microsoft.com/office/drawing/2014/main" id="{0154DA0C-208D-4580-AFAD-81B221FB1EE9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9282260" y="4167188"/>
              <a:ext cx="544513" cy="546100"/>
            </a:xfrm>
            <a:prstGeom prst="ellipse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</p:spTree>
    <p:extLst>
      <p:ext uri="{BB962C8B-B14F-4D97-AF65-F5344CB8AC3E}">
        <p14:creationId xmlns:p14="http://schemas.microsoft.com/office/powerpoint/2010/main" val="1544533243"/>
      </p:ext>
    </p:extLst>
  </p:cSld>
  <p:clrMapOvr>
    <a:masterClrMapping/>
  </p:clrMapOvr>
  <p:transition spd="med"/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Section Header_Whit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" name="TextBox 74"/>
          <p:cNvSpPr txBox="1"/>
          <p:nvPr userDrawn="1"/>
        </p:nvSpPr>
        <p:spPr>
          <a:xfrm>
            <a:off x="548640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14" name="Group 13">
            <a:extLst>
              <a:ext uri="{FF2B5EF4-FFF2-40B4-BE49-F238E27FC236}">
                <a16:creationId xmlns:a16="http://schemas.microsoft.com/office/drawing/2014/main" id="{B162ACE4-674E-4D71-8C04-476835CC1708}"/>
              </a:ext>
            </a:extLst>
          </p:cNvPr>
          <p:cNvGrpSpPr>
            <a:grpSpLocks noChangeAspect="1"/>
          </p:cNvGrpSpPr>
          <p:nvPr userDrawn="1"/>
        </p:nvGrpSpPr>
        <p:grpSpPr>
          <a:xfrm rot="16200000">
            <a:off x="9855467" y="2024677"/>
            <a:ext cx="3499241" cy="1167475"/>
            <a:chOff x="547688" y="952500"/>
            <a:chExt cx="12190413" cy="4067175"/>
          </a:xfrm>
        </p:grpSpPr>
        <p:sp>
          <p:nvSpPr>
            <p:cNvPr id="15" name="Rectangle 14">
              <a:extLst>
                <a:ext uri="{FF2B5EF4-FFF2-40B4-BE49-F238E27FC236}">
                  <a16:creationId xmlns:a16="http://schemas.microsoft.com/office/drawing/2014/main" id="{268D014B-3E62-402C-B8D2-F7ADB610E8CD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6" name="Freeform 7">
              <a:extLst>
                <a:ext uri="{FF2B5EF4-FFF2-40B4-BE49-F238E27FC236}">
                  <a16:creationId xmlns:a16="http://schemas.microsoft.com/office/drawing/2014/main" id="{3ABE3A10-30FE-4D80-9210-45E478063295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7" name="Freeform 8">
              <a:extLst>
                <a:ext uri="{FF2B5EF4-FFF2-40B4-BE49-F238E27FC236}">
                  <a16:creationId xmlns:a16="http://schemas.microsoft.com/office/drawing/2014/main" id="{00D141DB-74E1-4BBD-A74A-B469564CD318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8" name="Freeform 9">
              <a:extLst>
                <a:ext uri="{FF2B5EF4-FFF2-40B4-BE49-F238E27FC236}">
                  <a16:creationId xmlns:a16="http://schemas.microsoft.com/office/drawing/2014/main" id="{5B849A63-727A-44E1-A785-BBDB9E7E683A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9" name="Freeform 10">
              <a:extLst>
                <a:ext uri="{FF2B5EF4-FFF2-40B4-BE49-F238E27FC236}">
                  <a16:creationId xmlns:a16="http://schemas.microsoft.com/office/drawing/2014/main" id="{7BAA956E-BBA4-4B4E-A1A2-1FD12B20482E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0" name="Freeform 10">
              <a:extLst>
                <a:ext uri="{FF2B5EF4-FFF2-40B4-BE49-F238E27FC236}">
                  <a16:creationId xmlns:a16="http://schemas.microsoft.com/office/drawing/2014/main" id="{C25C7AF9-A1E7-4FCD-812D-ECCF2487445C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1" name="Freeform 11">
              <a:extLst>
                <a:ext uri="{FF2B5EF4-FFF2-40B4-BE49-F238E27FC236}">
                  <a16:creationId xmlns:a16="http://schemas.microsoft.com/office/drawing/2014/main" id="{492FCE74-DEFB-426A-B54E-A54871812AE6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22" name="Title 16">
            <a:extLst>
              <a:ext uri="{FF2B5EF4-FFF2-40B4-BE49-F238E27FC236}">
                <a16:creationId xmlns:a16="http://schemas.microsoft.com/office/drawing/2014/main" id="{BC901244-DB99-4579-8EB2-5582B7C9D7B9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 bwMode="gray">
          <a:xfrm>
            <a:off x="548639" y="2752436"/>
            <a:ext cx="9957816" cy="1605598"/>
          </a:xfrm>
          <a:prstGeom prst="rect">
            <a:avLst/>
          </a:prstGeom>
        </p:spPr>
        <p:txBody>
          <a:bodyPr lIns="0" tIns="0" rIns="0" bIns="0" anchor="ctr" anchorCtr="0"/>
          <a:lstStyle>
            <a:lvl1pPr marL="0" algn="l" defTabSz="1218987" rtl="0" eaLnBrk="1" latinLnBrk="0" hangingPunct="1">
              <a:lnSpc>
                <a:spcPts val="5000"/>
              </a:lnSpc>
              <a:spcBef>
                <a:spcPct val="0"/>
              </a:spcBef>
              <a:buNone/>
              <a:defRPr lang="en-US" sz="6000" b="1" kern="1200" cap="none" spc="-15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Section header</a:t>
            </a:r>
          </a:p>
        </p:txBody>
      </p:sp>
      <p:sp>
        <p:nvSpPr>
          <p:cNvPr id="23" name="Text Placeholder 2">
            <a:extLst>
              <a:ext uri="{FF2B5EF4-FFF2-40B4-BE49-F238E27FC236}">
                <a16:creationId xmlns:a16="http://schemas.microsoft.com/office/drawing/2014/main" id="{BD476222-AAE6-4CFE-9274-8A6BB4545B47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 bwMode="white">
          <a:xfrm>
            <a:off x="540892" y="2290418"/>
            <a:ext cx="9957816" cy="462018"/>
          </a:xfrm>
          <a:prstGeom prst="rect">
            <a:avLst/>
          </a:prstGeom>
        </p:spPr>
        <p:txBody>
          <a:bodyPr lIns="0" tIns="0" rIns="0" bIns="0" anchor="b"/>
          <a:lstStyle>
            <a:lvl1pPr marL="0" indent="0">
              <a:lnSpc>
                <a:spcPts val="2400"/>
              </a:lnSpc>
              <a:spcBef>
                <a:spcPts val="0"/>
              </a:spcBef>
              <a:buNone/>
              <a:defRPr sz="2500" spc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ubhead here</a:t>
            </a:r>
          </a:p>
        </p:txBody>
      </p:sp>
    </p:spTree>
    <p:extLst>
      <p:ext uri="{BB962C8B-B14F-4D97-AF65-F5344CB8AC3E}">
        <p14:creationId xmlns:p14="http://schemas.microsoft.com/office/powerpoint/2010/main" val="1618669218"/>
      </p:ext>
    </p:extLst>
  </p:cSld>
  <p:clrMapOvr>
    <a:masterClrMapping/>
  </p:clrMapOvr>
  <p:transition spd="med"/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Closing Slide_Color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>
            <a:extLst>
              <a:ext uri="{FF2B5EF4-FFF2-40B4-BE49-F238E27FC236}">
                <a16:creationId xmlns:a16="http://schemas.microsoft.com/office/drawing/2014/main" id="{4A528FCF-65A1-4B76-B528-87D9B0FBE527}"/>
              </a:ext>
            </a:extLst>
          </p:cNvPr>
          <p:cNvGrpSpPr/>
          <p:nvPr userDrawn="1"/>
        </p:nvGrpSpPr>
        <p:grpSpPr>
          <a:xfrm>
            <a:off x="9390324" y="1007069"/>
            <a:ext cx="1965963" cy="1042086"/>
            <a:chOff x="4988072" y="501936"/>
            <a:chExt cx="1978802" cy="1051017"/>
          </a:xfrm>
          <a:solidFill>
            <a:schemeClr val="bg1"/>
          </a:solidFill>
        </p:grpSpPr>
        <p:sp>
          <p:nvSpPr>
            <p:cNvPr id="5" name="Freeform 5">
              <a:extLst>
                <a:ext uri="{FF2B5EF4-FFF2-40B4-BE49-F238E27FC236}">
                  <a16:creationId xmlns:a16="http://schemas.microsoft.com/office/drawing/2014/main" id="{E950DA20-7427-46C1-BEA5-8D227DE3EA00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559016" y="501936"/>
              <a:ext cx="218094" cy="282813"/>
            </a:xfrm>
            <a:custGeom>
              <a:avLst/>
              <a:gdLst>
                <a:gd name="T0" fmla="*/ 0 w 502"/>
                <a:gd name="T1" fmla="*/ 550 h 651"/>
                <a:gd name="T2" fmla="*/ 83 w 502"/>
                <a:gd name="T3" fmla="*/ 451 h 651"/>
                <a:gd name="T4" fmla="*/ 272 w 502"/>
                <a:gd name="T5" fmla="*/ 528 h 651"/>
                <a:gd name="T6" fmla="*/ 363 w 502"/>
                <a:gd name="T7" fmla="*/ 469 h 651"/>
                <a:gd name="T8" fmla="*/ 363 w 502"/>
                <a:gd name="T9" fmla="*/ 467 h 651"/>
                <a:gd name="T10" fmla="*/ 236 w 502"/>
                <a:gd name="T11" fmla="*/ 386 h 651"/>
                <a:gd name="T12" fmla="*/ 26 w 502"/>
                <a:gd name="T13" fmla="*/ 192 h 651"/>
                <a:gd name="T14" fmla="*/ 26 w 502"/>
                <a:gd name="T15" fmla="*/ 191 h 651"/>
                <a:gd name="T16" fmla="*/ 247 w 502"/>
                <a:gd name="T17" fmla="*/ 0 h 651"/>
                <a:gd name="T18" fmla="*/ 483 w 502"/>
                <a:gd name="T19" fmla="*/ 80 h 651"/>
                <a:gd name="T20" fmla="*/ 410 w 502"/>
                <a:gd name="T21" fmla="*/ 185 h 651"/>
                <a:gd name="T22" fmla="*/ 246 w 502"/>
                <a:gd name="T23" fmla="*/ 123 h 651"/>
                <a:gd name="T24" fmla="*/ 164 w 502"/>
                <a:gd name="T25" fmla="*/ 178 h 651"/>
                <a:gd name="T26" fmla="*/ 164 w 502"/>
                <a:gd name="T27" fmla="*/ 180 h 651"/>
                <a:gd name="T28" fmla="*/ 301 w 502"/>
                <a:gd name="T29" fmla="*/ 263 h 651"/>
                <a:gd name="T30" fmla="*/ 502 w 502"/>
                <a:gd name="T31" fmla="*/ 453 h 651"/>
                <a:gd name="T32" fmla="*/ 502 w 502"/>
                <a:gd name="T33" fmla="*/ 455 h 651"/>
                <a:gd name="T34" fmla="*/ 269 w 502"/>
                <a:gd name="T35" fmla="*/ 651 h 651"/>
                <a:gd name="T36" fmla="*/ 0 w 502"/>
                <a:gd name="T37" fmla="*/ 550 h 651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</a:cxnLst>
              <a:rect l="0" t="0" r="r" b="b"/>
              <a:pathLst>
                <a:path w="502" h="651">
                  <a:moveTo>
                    <a:pt x="0" y="550"/>
                  </a:moveTo>
                  <a:cubicBezTo>
                    <a:pt x="83" y="451"/>
                    <a:pt x="83" y="451"/>
                    <a:pt x="83" y="451"/>
                  </a:cubicBezTo>
                  <a:cubicBezTo>
                    <a:pt x="140" y="498"/>
                    <a:pt x="200" y="528"/>
                    <a:pt x="272" y="528"/>
                  </a:cubicBezTo>
                  <a:cubicBezTo>
                    <a:pt x="329" y="528"/>
                    <a:pt x="363" y="506"/>
                    <a:pt x="363" y="469"/>
                  </a:cubicBezTo>
                  <a:cubicBezTo>
                    <a:pt x="363" y="467"/>
                    <a:pt x="363" y="467"/>
                    <a:pt x="363" y="467"/>
                  </a:cubicBezTo>
                  <a:cubicBezTo>
                    <a:pt x="363" y="431"/>
                    <a:pt x="342" y="413"/>
                    <a:pt x="236" y="386"/>
                  </a:cubicBezTo>
                  <a:cubicBezTo>
                    <a:pt x="108" y="354"/>
                    <a:pt x="26" y="318"/>
                    <a:pt x="26" y="192"/>
                  </a:cubicBezTo>
                  <a:cubicBezTo>
                    <a:pt x="26" y="191"/>
                    <a:pt x="26" y="191"/>
                    <a:pt x="26" y="191"/>
                  </a:cubicBezTo>
                  <a:cubicBezTo>
                    <a:pt x="26" y="76"/>
                    <a:pt x="118" y="0"/>
                    <a:pt x="247" y="0"/>
                  </a:cubicBezTo>
                  <a:cubicBezTo>
                    <a:pt x="340" y="0"/>
                    <a:pt x="419" y="29"/>
                    <a:pt x="483" y="80"/>
                  </a:cubicBezTo>
                  <a:cubicBezTo>
                    <a:pt x="410" y="185"/>
                    <a:pt x="410" y="185"/>
                    <a:pt x="410" y="185"/>
                  </a:cubicBezTo>
                  <a:cubicBezTo>
                    <a:pt x="354" y="146"/>
                    <a:pt x="299" y="123"/>
                    <a:pt x="246" y="123"/>
                  </a:cubicBezTo>
                  <a:cubicBezTo>
                    <a:pt x="192" y="123"/>
                    <a:pt x="164" y="147"/>
                    <a:pt x="164" y="178"/>
                  </a:cubicBezTo>
                  <a:cubicBezTo>
                    <a:pt x="164" y="180"/>
                    <a:pt x="164" y="180"/>
                    <a:pt x="164" y="180"/>
                  </a:cubicBezTo>
                  <a:cubicBezTo>
                    <a:pt x="164" y="221"/>
                    <a:pt x="191" y="235"/>
                    <a:pt x="301" y="263"/>
                  </a:cubicBezTo>
                  <a:cubicBezTo>
                    <a:pt x="429" y="297"/>
                    <a:pt x="502" y="343"/>
                    <a:pt x="502" y="453"/>
                  </a:cubicBezTo>
                  <a:cubicBezTo>
                    <a:pt x="502" y="455"/>
                    <a:pt x="502" y="455"/>
                    <a:pt x="502" y="455"/>
                  </a:cubicBezTo>
                  <a:cubicBezTo>
                    <a:pt x="502" y="581"/>
                    <a:pt x="406" y="651"/>
                    <a:pt x="269" y="651"/>
                  </a:cubicBezTo>
                  <a:cubicBezTo>
                    <a:pt x="173" y="651"/>
                    <a:pt x="76" y="618"/>
                    <a:pt x="0" y="550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6" name="Freeform 6">
              <a:extLst>
                <a:ext uri="{FF2B5EF4-FFF2-40B4-BE49-F238E27FC236}">
                  <a16:creationId xmlns:a16="http://schemas.microsoft.com/office/drawing/2014/main" id="{1E66A364-6FA3-44DA-A21C-9F26B5A3F953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791295" y="566212"/>
              <a:ext cx="322264" cy="214547"/>
            </a:xfrm>
            <a:custGeom>
              <a:avLst/>
              <a:gdLst>
                <a:gd name="T0" fmla="*/ 0 w 741"/>
                <a:gd name="T1" fmla="*/ 9 h 494"/>
                <a:gd name="T2" fmla="*/ 138 w 741"/>
                <a:gd name="T3" fmla="*/ 9 h 494"/>
                <a:gd name="T4" fmla="*/ 138 w 741"/>
                <a:gd name="T5" fmla="*/ 78 h 494"/>
                <a:gd name="T6" fmla="*/ 281 w 741"/>
                <a:gd name="T7" fmla="*/ 0 h 494"/>
                <a:gd name="T8" fmla="*/ 418 w 741"/>
                <a:gd name="T9" fmla="*/ 77 h 494"/>
                <a:gd name="T10" fmla="*/ 577 w 741"/>
                <a:gd name="T11" fmla="*/ 0 h 494"/>
                <a:gd name="T12" fmla="*/ 741 w 741"/>
                <a:gd name="T13" fmla="*/ 178 h 494"/>
                <a:gd name="T14" fmla="*/ 741 w 741"/>
                <a:gd name="T15" fmla="*/ 494 h 494"/>
                <a:gd name="T16" fmla="*/ 603 w 741"/>
                <a:gd name="T17" fmla="*/ 494 h 494"/>
                <a:gd name="T18" fmla="*/ 603 w 741"/>
                <a:gd name="T19" fmla="*/ 224 h 494"/>
                <a:gd name="T20" fmla="*/ 523 w 741"/>
                <a:gd name="T21" fmla="*/ 125 h 494"/>
                <a:gd name="T22" fmla="*/ 439 w 741"/>
                <a:gd name="T23" fmla="*/ 224 h 494"/>
                <a:gd name="T24" fmla="*/ 439 w 741"/>
                <a:gd name="T25" fmla="*/ 494 h 494"/>
                <a:gd name="T26" fmla="*/ 302 w 741"/>
                <a:gd name="T27" fmla="*/ 494 h 494"/>
                <a:gd name="T28" fmla="*/ 302 w 741"/>
                <a:gd name="T29" fmla="*/ 224 h 494"/>
                <a:gd name="T30" fmla="*/ 221 w 741"/>
                <a:gd name="T31" fmla="*/ 125 h 494"/>
                <a:gd name="T32" fmla="*/ 138 w 741"/>
                <a:gd name="T33" fmla="*/ 224 h 494"/>
                <a:gd name="T34" fmla="*/ 138 w 741"/>
                <a:gd name="T35" fmla="*/ 494 h 494"/>
                <a:gd name="T36" fmla="*/ 0 w 741"/>
                <a:gd name="T37" fmla="*/ 494 h 494"/>
                <a:gd name="T38" fmla="*/ 0 w 741"/>
                <a:gd name="T39" fmla="*/ 9 h 49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</a:cxnLst>
              <a:rect l="0" t="0" r="r" b="b"/>
              <a:pathLst>
                <a:path w="741" h="494">
                  <a:moveTo>
                    <a:pt x="0" y="9"/>
                  </a:moveTo>
                  <a:cubicBezTo>
                    <a:pt x="138" y="9"/>
                    <a:pt x="138" y="9"/>
                    <a:pt x="138" y="9"/>
                  </a:cubicBezTo>
                  <a:cubicBezTo>
                    <a:pt x="138" y="78"/>
                    <a:pt x="138" y="78"/>
                    <a:pt x="138" y="78"/>
                  </a:cubicBezTo>
                  <a:cubicBezTo>
                    <a:pt x="170" y="37"/>
                    <a:pt x="211" y="0"/>
                    <a:pt x="281" y="0"/>
                  </a:cubicBezTo>
                  <a:cubicBezTo>
                    <a:pt x="344" y="0"/>
                    <a:pt x="392" y="28"/>
                    <a:pt x="418" y="77"/>
                  </a:cubicBezTo>
                  <a:cubicBezTo>
                    <a:pt x="460" y="27"/>
                    <a:pt x="511" y="0"/>
                    <a:pt x="577" y="0"/>
                  </a:cubicBezTo>
                  <a:cubicBezTo>
                    <a:pt x="679" y="0"/>
                    <a:pt x="741" y="62"/>
                    <a:pt x="741" y="178"/>
                  </a:cubicBezTo>
                  <a:cubicBezTo>
                    <a:pt x="741" y="494"/>
                    <a:pt x="741" y="494"/>
                    <a:pt x="741" y="494"/>
                  </a:cubicBezTo>
                  <a:cubicBezTo>
                    <a:pt x="603" y="494"/>
                    <a:pt x="603" y="494"/>
                    <a:pt x="603" y="494"/>
                  </a:cubicBezTo>
                  <a:cubicBezTo>
                    <a:pt x="603" y="224"/>
                    <a:pt x="603" y="224"/>
                    <a:pt x="603" y="224"/>
                  </a:cubicBezTo>
                  <a:cubicBezTo>
                    <a:pt x="603" y="159"/>
                    <a:pt x="574" y="125"/>
                    <a:pt x="523" y="125"/>
                  </a:cubicBezTo>
                  <a:cubicBezTo>
                    <a:pt x="471" y="125"/>
                    <a:pt x="439" y="159"/>
                    <a:pt x="439" y="224"/>
                  </a:cubicBezTo>
                  <a:cubicBezTo>
                    <a:pt x="439" y="494"/>
                    <a:pt x="439" y="494"/>
                    <a:pt x="439" y="494"/>
                  </a:cubicBezTo>
                  <a:cubicBezTo>
                    <a:pt x="302" y="494"/>
                    <a:pt x="302" y="494"/>
                    <a:pt x="302" y="494"/>
                  </a:cubicBezTo>
                  <a:cubicBezTo>
                    <a:pt x="302" y="224"/>
                    <a:pt x="302" y="224"/>
                    <a:pt x="302" y="224"/>
                  </a:cubicBezTo>
                  <a:cubicBezTo>
                    <a:pt x="302" y="159"/>
                    <a:pt x="273" y="125"/>
                    <a:pt x="221" y="125"/>
                  </a:cubicBezTo>
                  <a:cubicBezTo>
                    <a:pt x="170" y="125"/>
                    <a:pt x="138" y="159"/>
                    <a:pt x="138" y="224"/>
                  </a:cubicBezTo>
                  <a:cubicBezTo>
                    <a:pt x="138" y="494"/>
                    <a:pt x="138" y="494"/>
                    <a:pt x="138" y="494"/>
                  </a:cubicBezTo>
                  <a:cubicBezTo>
                    <a:pt x="0" y="494"/>
                    <a:pt x="0" y="494"/>
                    <a:pt x="0" y="494"/>
                  </a:cubicBezTo>
                  <a:lnTo>
                    <a:pt x="0" y="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7" name="Freeform 7">
              <a:extLst>
                <a:ext uri="{FF2B5EF4-FFF2-40B4-BE49-F238E27FC236}">
                  <a16:creationId xmlns:a16="http://schemas.microsoft.com/office/drawing/2014/main" id="{E0EB87D4-584F-4884-9809-2618B5F0BE8E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125971" y="567985"/>
              <a:ext cx="193713" cy="216764"/>
            </a:xfrm>
            <a:custGeom>
              <a:avLst/>
              <a:gdLst>
                <a:gd name="T0" fmla="*/ 0 w 446"/>
                <a:gd name="T1" fmla="*/ 351 h 499"/>
                <a:gd name="T2" fmla="*/ 0 w 446"/>
                <a:gd name="T3" fmla="*/ 349 h 499"/>
                <a:gd name="T4" fmla="*/ 195 w 446"/>
                <a:gd name="T5" fmla="*/ 194 h 499"/>
                <a:gd name="T6" fmla="*/ 314 w 446"/>
                <a:gd name="T7" fmla="*/ 214 h 499"/>
                <a:gd name="T8" fmla="*/ 314 w 446"/>
                <a:gd name="T9" fmla="*/ 206 h 499"/>
                <a:gd name="T10" fmla="*/ 210 w 446"/>
                <a:gd name="T11" fmla="*/ 117 h 499"/>
                <a:gd name="T12" fmla="*/ 76 w 446"/>
                <a:gd name="T13" fmla="*/ 144 h 499"/>
                <a:gd name="T14" fmla="*/ 42 w 446"/>
                <a:gd name="T15" fmla="*/ 39 h 499"/>
                <a:gd name="T16" fmla="*/ 230 w 446"/>
                <a:gd name="T17" fmla="*/ 0 h 499"/>
                <a:gd name="T18" fmla="*/ 394 w 446"/>
                <a:gd name="T19" fmla="*/ 54 h 499"/>
                <a:gd name="T20" fmla="*/ 446 w 446"/>
                <a:gd name="T21" fmla="*/ 209 h 499"/>
                <a:gd name="T22" fmla="*/ 446 w 446"/>
                <a:gd name="T23" fmla="*/ 490 h 499"/>
                <a:gd name="T24" fmla="*/ 313 w 446"/>
                <a:gd name="T25" fmla="*/ 490 h 499"/>
                <a:gd name="T26" fmla="*/ 313 w 446"/>
                <a:gd name="T27" fmla="*/ 438 h 499"/>
                <a:gd name="T28" fmla="*/ 166 w 446"/>
                <a:gd name="T29" fmla="*/ 499 h 499"/>
                <a:gd name="T30" fmla="*/ 0 w 446"/>
                <a:gd name="T31" fmla="*/ 351 h 499"/>
                <a:gd name="T32" fmla="*/ 316 w 446"/>
                <a:gd name="T33" fmla="*/ 319 h 499"/>
                <a:gd name="T34" fmla="*/ 316 w 446"/>
                <a:gd name="T35" fmla="*/ 295 h 499"/>
                <a:gd name="T36" fmla="*/ 228 w 446"/>
                <a:gd name="T37" fmla="*/ 277 h 499"/>
                <a:gd name="T38" fmla="*/ 133 w 446"/>
                <a:gd name="T39" fmla="*/ 344 h 499"/>
                <a:gd name="T40" fmla="*/ 133 w 446"/>
                <a:gd name="T41" fmla="*/ 346 h 499"/>
                <a:gd name="T42" fmla="*/ 208 w 446"/>
                <a:gd name="T43" fmla="*/ 404 h 499"/>
                <a:gd name="T44" fmla="*/ 316 w 446"/>
                <a:gd name="T45" fmla="*/ 319 h 49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</a:cxnLst>
              <a:rect l="0" t="0" r="r" b="b"/>
              <a:pathLst>
                <a:path w="446" h="499">
                  <a:moveTo>
                    <a:pt x="0" y="351"/>
                  </a:moveTo>
                  <a:cubicBezTo>
                    <a:pt x="0" y="349"/>
                    <a:pt x="0" y="349"/>
                    <a:pt x="0" y="349"/>
                  </a:cubicBezTo>
                  <a:cubicBezTo>
                    <a:pt x="0" y="243"/>
                    <a:pt x="80" y="194"/>
                    <a:pt x="195" y="194"/>
                  </a:cubicBezTo>
                  <a:cubicBezTo>
                    <a:pt x="244" y="194"/>
                    <a:pt x="280" y="202"/>
                    <a:pt x="314" y="214"/>
                  </a:cubicBezTo>
                  <a:cubicBezTo>
                    <a:pt x="314" y="206"/>
                    <a:pt x="314" y="206"/>
                    <a:pt x="314" y="206"/>
                  </a:cubicBezTo>
                  <a:cubicBezTo>
                    <a:pt x="314" y="149"/>
                    <a:pt x="279" y="117"/>
                    <a:pt x="210" y="117"/>
                  </a:cubicBezTo>
                  <a:cubicBezTo>
                    <a:pt x="157" y="117"/>
                    <a:pt x="120" y="127"/>
                    <a:pt x="76" y="144"/>
                  </a:cubicBezTo>
                  <a:cubicBezTo>
                    <a:pt x="42" y="39"/>
                    <a:pt x="42" y="39"/>
                    <a:pt x="42" y="39"/>
                  </a:cubicBezTo>
                  <a:cubicBezTo>
                    <a:pt x="95" y="15"/>
                    <a:pt x="147" y="0"/>
                    <a:pt x="230" y="0"/>
                  </a:cubicBezTo>
                  <a:cubicBezTo>
                    <a:pt x="305" y="0"/>
                    <a:pt x="359" y="20"/>
                    <a:pt x="394" y="54"/>
                  </a:cubicBezTo>
                  <a:cubicBezTo>
                    <a:pt x="430" y="90"/>
                    <a:pt x="446" y="144"/>
                    <a:pt x="446" y="209"/>
                  </a:cubicBezTo>
                  <a:cubicBezTo>
                    <a:pt x="446" y="490"/>
                    <a:pt x="446" y="490"/>
                    <a:pt x="446" y="490"/>
                  </a:cubicBezTo>
                  <a:cubicBezTo>
                    <a:pt x="313" y="490"/>
                    <a:pt x="313" y="490"/>
                    <a:pt x="313" y="490"/>
                  </a:cubicBezTo>
                  <a:cubicBezTo>
                    <a:pt x="313" y="438"/>
                    <a:pt x="313" y="438"/>
                    <a:pt x="313" y="438"/>
                  </a:cubicBezTo>
                  <a:cubicBezTo>
                    <a:pt x="280" y="475"/>
                    <a:pt x="233" y="499"/>
                    <a:pt x="166" y="499"/>
                  </a:cubicBezTo>
                  <a:cubicBezTo>
                    <a:pt x="75" y="499"/>
                    <a:pt x="0" y="447"/>
                    <a:pt x="0" y="351"/>
                  </a:cubicBezTo>
                  <a:close/>
                  <a:moveTo>
                    <a:pt x="316" y="319"/>
                  </a:moveTo>
                  <a:cubicBezTo>
                    <a:pt x="316" y="295"/>
                    <a:pt x="316" y="295"/>
                    <a:pt x="316" y="295"/>
                  </a:cubicBezTo>
                  <a:cubicBezTo>
                    <a:pt x="292" y="284"/>
                    <a:pt x="262" y="277"/>
                    <a:pt x="228" y="277"/>
                  </a:cubicBezTo>
                  <a:cubicBezTo>
                    <a:pt x="169" y="277"/>
                    <a:pt x="133" y="300"/>
                    <a:pt x="133" y="344"/>
                  </a:cubicBezTo>
                  <a:cubicBezTo>
                    <a:pt x="133" y="346"/>
                    <a:pt x="133" y="346"/>
                    <a:pt x="133" y="346"/>
                  </a:cubicBezTo>
                  <a:cubicBezTo>
                    <a:pt x="133" y="383"/>
                    <a:pt x="164" y="404"/>
                    <a:pt x="208" y="404"/>
                  </a:cubicBezTo>
                  <a:cubicBezTo>
                    <a:pt x="272" y="404"/>
                    <a:pt x="316" y="369"/>
                    <a:pt x="316" y="319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8" name="Freeform 8">
              <a:extLst>
                <a:ext uri="{FF2B5EF4-FFF2-40B4-BE49-F238E27FC236}">
                  <a16:creationId xmlns:a16="http://schemas.microsoft.com/office/drawing/2014/main" id="{951E8447-9E0F-4D78-B1FD-2CADDD35003E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336529" y="564438"/>
              <a:ext cx="127665" cy="216321"/>
            </a:xfrm>
            <a:custGeom>
              <a:avLst/>
              <a:gdLst>
                <a:gd name="T0" fmla="*/ 0 w 293"/>
                <a:gd name="T1" fmla="*/ 13 h 498"/>
                <a:gd name="T2" fmla="*/ 138 w 293"/>
                <a:gd name="T3" fmla="*/ 13 h 498"/>
                <a:gd name="T4" fmla="*/ 138 w 293"/>
                <a:gd name="T5" fmla="*/ 111 h 498"/>
                <a:gd name="T6" fmla="*/ 293 w 293"/>
                <a:gd name="T7" fmla="*/ 4 h 498"/>
                <a:gd name="T8" fmla="*/ 293 w 293"/>
                <a:gd name="T9" fmla="*/ 148 h 498"/>
                <a:gd name="T10" fmla="*/ 285 w 293"/>
                <a:gd name="T11" fmla="*/ 148 h 498"/>
                <a:gd name="T12" fmla="*/ 138 w 293"/>
                <a:gd name="T13" fmla="*/ 319 h 498"/>
                <a:gd name="T14" fmla="*/ 138 w 293"/>
                <a:gd name="T15" fmla="*/ 498 h 498"/>
                <a:gd name="T16" fmla="*/ 0 w 293"/>
                <a:gd name="T17" fmla="*/ 498 h 498"/>
                <a:gd name="T18" fmla="*/ 0 w 293"/>
                <a:gd name="T19" fmla="*/ 13 h 49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293" h="498">
                  <a:moveTo>
                    <a:pt x="0" y="13"/>
                  </a:moveTo>
                  <a:cubicBezTo>
                    <a:pt x="138" y="13"/>
                    <a:pt x="138" y="13"/>
                    <a:pt x="138" y="13"/>
                  </a:cubicBezTo>
                  <a:cubicBezTo>
                    <a:pt x="138" y="111"/>
                    <a:pt x="138" y="111"/>
                    <a:pt x="138" y="111"/>
                  </a:cubicBezTo>
                  <a:cubicBezTo>
                    <a:pt x="166" y="44"/>
                    <a:pt x="211" y="0"/>
                    <a:pt x="293" y="4"/>
                  </a:cubicBezTo>
                  <a:cubicBezTo>
                    <a:pt x="293" y="148"/>
                    <a:pt x="293" y="148"/>
                    <a:pt x="293" y="148"/>
                  </a:cubicBezTo>
                  <a:cubicBezTo>
                    <a:pt x="285" y="148"/>
                    <a:pt x="285" y="148"/>
                    <a:pt x="285" y="148"/>
                  </a:cubicBezTo>
                  <a:cubicBezTo>
                    <a:pt x="194" y="148"/>
                    <a:pt x="138" y="203"/>
                    <a:pt x="138" y="319"/>
                  </a:cubicBezTo>
                  <a:cubicBezTo>
                    <a:pt x="138" y="498"/>
                    <a:pt x="138" y="498"/>
                    <a:pt x="138" y="498"/>
                  </a:cubicBezTo>
                  <a:cubicBezTo>
                    <a:pt x="0" y="498"/>
                    <a:pt x="0" y="498"/>
                    <a:pt x="0" y="498"/>
                  </a:cubicBezTo>
                  <a:lnTo>
                    <a:pt x="0" y="13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9" name="Freeform 9">
              <a:extLst>
                <a:ext uri="{FF2B5EF4-FFF2-40B4-BE49-F238E27FC236}">
                  <a16:creationId xmlns:a16="http://schemas.microsoft.com/office/drawing/2014/main" id="{D7E48906-CF13-457A-BF96-6C8E5166477C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475719" y="516121"/>
              <a:ext cx="134757" cy="268184"/>
            </a:xfrm>
            <a:custGeom>
              <a:avLst/>
              <a:gdLst>
                <a:gd name="T0" fmla="*/ 58 w 310"/>
                <a:gd name="T1" fmla="*/ 472 h 617"/>
                <a:gd name="T2" fmla="*/ 58 w 310"/>
                <a:gd name="T3" fmla="*/ 242 h 617"/>
                <a:gd name="T4" fmla="*/ 0 w 310"/>
                <a:gd name="T5" fmla="*/ 242 h 617"/>
                <a:gd name="T6" fmla="*/ 0 w 310"/>
                <a:gd name="T7" fmla="*/ 124 h 617"/>
                <a:gd name="T8" fmla="*/ 58 w 310"/>
                <a:gd name="T9" fmla="*/ 124 h 617"/>
                <a:gd name="T10" fmla="*/ 58 w 310"/>
                <a:gd name="T11" fmla="*/ 0 h 617"/>
                <a:gd name="T12" fmla="*/ 196 w 310"/>
                <a:gd name="T13" fmla="*/ 0 h 617"/>
                <a:gd name="T14" fmla="*/ 196 w 310"/>
                <a:gd name="T15" fmla="*/ 124 h 617"/>
                <a:gd name="T16" fmla="*/ 310 w 310"/>
                <a:gd name="T17" fmla="*/ 124 h 617"/>
                <a:gd name="T18" fmla="*/ 310 w 310"/>
                <a:gd name="T19" fmla="*/ 242 h 617"/>
                <a:gd name="T20" fmla="*/ 196 w 310"/>
                <a:gd name="T21" fmla="*/ 242 h 617"/>
                <a:gd name="T22" fmla="*/ 196 w 310"/>
                <a:gd name="T23" fmla="*/ 449 h 617"/>
                <a:gd name="T24" fmla="*/ 240 w 310"/>
                <a:gd name="T25" fmla="*/ 496 h 617"/>
                <a:gd name="T26" fmla="*/ 308 w 310"/>
                <a:gd name="T27" fmla="*/ 479 h 617"/>
                <a:gd name="T28" fmla="*/ 308 w 310"/>
                <a:gd name="T29" fmla="*/ 589 h 617"/>
                <a:gd name="T30" fmla="*/ 199 w 310"/>
                <a:gd name="T31" fmla="*/ 617 h 617"/>
                <a:gd name="T32" fmla="*/ 58 w 310"/>
                <a:gd name="T33" fmla="*/ 472 h 617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</a:cxnLst>
              <a:rect l="0" t="0" r="r" b="b"/>
              <a:pathLst>
                <a:path w="310" h="617">
                  <a:moveTo>
                    <a:pt x="58" y="472"/>
                  </a:moveTo>
                  <a:cubicBezTo>
                    <a:pt x="58" y="242"/>
                    <a:pt x="58" y="242"/>
                    <a:pt x="58" y="242"/>
                  </a:cubicBezTo>
                  <a:cubicBezTo>
                    <a:pt x="0" y="242"/>
                    <a:pt x="0" y="242"/>
                    <a:pt x="0" y="242"/>
                  </a:cubicBezTo>
                  <a:cubicBezTo>
                    <a:pt x="0" y="124"/>
                    <a:pt x="0" y="124"/>
                    <a:pt x="0" y="124"/>
                  </a:cubicBezTo>
                  <a:cubicBezTo>
                    <a:pt x="58" y="124"/>
                    <a:pt x="58" y="124"/>
                    <a:pt x="58" y="124"/>
                  </a:cubicBezTo>
                  <a:cubicBezTo>
                    <a:pt x="58" y="0"/>
                    <a:pt x="58" y="0"/>
                    <a:pt x="58" y="0"/>
                  </a:cubicBezTo>
                  <a:cubicBezTo>
                    <a:pt x="196" y="0"/>
                    <a:pt x="196" y="0"/>
                    <a:pt x="196" y="0"/>
                  </a:cubicBezTo>
                  <a:cubicBezTo>
                    <a:pt x="196" y="124"/>
                    <a:pt x="196" y="124"/>
                    <a:pt x="196" y="124"/>
                  </a:cubicBezTo>
                  <a:cubicBezTo>
                    <a:pt x="310" y="124"/>
                    <a:pt x="310" y="124"/>
                    <a:pt x="310" y="124"/>
                  </a:cubicBezTo>
                  <a:cubicBezTo>
                    <a:pt x="310" y="242"/>
                    <a:pt x="310" y="242"/>
                    <a:pt x="310" y="242"/>
                  </a:cubicBezTo>
                  <a:cubicBezTo>
                    <a:pt x="196" y="242"/>
                    <a:pt x="196" y="242"/>
                    <a:pt x="196" y="242"/>
                  </a:cubicBezTo>
                  <a:cubicBezTo>
                    <a:pt x="196" y="449"/>
                    <a:pt x="196" y="449"/>
                    <a:pt x="196" y="449"/>
                  </a:cubicBezTo>
                  <a:cubicBezTo>
                    <a:pt x="196" y="481"/>
                    <a:pt x="209" y="496"/>
                    <a:pt x="240" y="496"/>
                  </a:cubicBezTo>
                  <a:cubicBezTo>
                    <a:pt x="265" y="496"/>
                    <a:pt x="288" y="490"/>
                    <a:pt x="308" y="479"/>
                  </a:cubicBezTo>
                  <a:cubicBezTo>
                    <a:pt x="308" y="589"/>
                    <a:pt x="308" y="589"/>
                    <a:pt x="308" y="589"/>
                  </a:cubicBezTo>
                  <a:cubicBezTo>
                    <a:pt x="279" y="607"/>
                    <a:pt x="245" y="617"/>
                    <a:pt x="199" y="617"/>
                  </a:cubicBezTo>
                  <a:cubicBezTo>
                    <a:pt x="115" y="617"/>
                    <a:pt x="58" y="584"/>
                    <a:pt x="58" y="472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0" name="Freeform 10">
              <a:extLst>
                <a:ext uri="{FF2B5EF4-FFF2-40B4-BE49-F238E27FC236}">
                  <a16:creationId xmlns:a16="http://schemas.microsoft.com/office/drawing/2014/main" id="{EF43AC6D-7838-4F37-88E8-52FEBACFEE00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618455" y="566212"/>
              <a:ext cx="207012" cy="219424"/>
            </a:xfrm>
            <a:custGeom>
              <a:avLst/>
              <a:gdLst>
                <a:gd name="T0" fmla="*/ 0 w 476"/>
                <a:gd name="T1" fmla="*/ 254 h 505"/>
                <a:gd name="T2" fmla="*/ 0 w 476"/>
                <a:gd name="T3" fmla="*/ 253 h 505"/>
                <a:gd name="T4" fmla="*/ 240 w 476"/>
                <a:gd name="T5" fmla="*/ 0 h 505"/>
                <a:gd name="T6" fmla="*/ 476 w 476"/>
                <a:gd name="T7" fmla="*/ 263 h 505"/>
                <a:gd name="T8" fmla="*/ 475 w 476"/>
                <a:gd name="T9" fmla="*/ 300 h 505"/>
                <a:gd name="T10" fmla="*/ 137 w 476"/>
                <a:gd name="T11" fmla="*/ 300 h 505"/>
                <a:gd name="T12" fmla="*/ 256 w 476"/>
                <a:gd name="T13" fmla="*/ 395 h 505"/>
                <a:gd name="T14" fmla="*/ 373 w 476"/>
                <a:gd name="T15" fmla="*/ 345 h 505"/>
                <a:gd name="T16" fmla="*/ 452 w 476"/>
                <a:gd name="T17" fmla="*/ 415 h 505"/>
                <a:gd name="T18" fmla="*/ 254 w 476"/>
                <a:gd name="T19" fmla="*/ 505 h 505"/>
                <a:gd name="T20" fmla="*/ 0 w 476"/>
                <a:gd name="T21" fmla="*/ 254 h 505"/>
                <a:gd name="T22" fmla="*/ 342 w 476"/>
                <a:gd name="T23" fmla="*/ 214 h 505"/>
                <a:gd name="T24" fmla="*/ 240 w 476"/>
                <a:gd name="T25" fmla="*/ 111 h 505"/>
                <a:gd name="T26" fmla="*/ 135 w 476"/>
                <a:gd name="T27" fmla="*/ 214 h 505"/>
                <a:gd name="T28" fmla="*/ 342 w 476"/>
                <a:gd name="T29" fmla="*/ 214 h 50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476" h="505">
                  <a:moveTo>
                    <a:pt x="0" y="254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4"/>
                    <a:pt x="99" y="0"/>
                    <a:pt x="240" y="0"/>
                  </a:cubicBezTo>
                  <a:cubicBezTo>
                    <a:pt x="402" y="0"/>
                    <a:pt x="476" y="126"/>
                    <a:pt x="476" y="263"/>
                  </a:cubicBezTo>
                  <a:cubicBezTo>
                    <a:pt x="476" y="274"/>
                    <a:pt x="476" y="287"/>
                    <a:pt x="475" y="300"/>
                  </a:cubicBezTo>
                  <a:cubicBezTo>
                    <a:pt x="137" y="300"/>
                    <a:pt x="137" y="300"/>
                    <a:pt x="137" y="300"/>
                  </a:cubicBezTo>
                  <a:cubicBezTo>
                    <a:pt x="151" y="362"/>
                    <a:pt x="194" y="395"/>
                    <a:pt x="256" y="395"/>
                  </a:cubicBezTo>
                  <a:cubicBezTo>
                    <a:pt x="302" y="395"/>
                    <a:pt x="335" y="380"/>
                    <a:pt x="373" y="345"/>
                  </a:cubicBezTo>
                  <a:cubicBezTo>
                    <a:pt x="452" y="415"/>
                    <a:pt x="452" y="415"/>
                    <a:pt x="452" y="415"/>
                  </a:cubicBezTo>
                  <a:cubicBezTo>
                    <a:pt x="407" y="471"/>
                    <a:pt x="342" y="505"/>
                    <a:pt x="254" y="505"/>
                  </a:cubicBezTo>
                  <a:cubicBezTo>
                    <a:pt x="108" y="505"/>
                    <a:pt x="0" y="403"/>
                    <a:pt x="0" y="254"/>
                  </a:cubicBezTo>
                  <a:close/>
                  <a:moveTo>
                    <a:pt x="342" y="214"/>
                  </a:moveTo>
                  <a:cubicBezTo>
                    <a:pt x="334" y="152"/>
                    <a:pt x="298" y="111"/>
                    <a:pt x="240" y="111"/>
                  </a:cubicBezTo>
                  <a:cubicBezTo>
                    <a:pt x="183" y="111"/>
                    <a:pt x="146" y="151"/>
                    <a:pt x="135" y="214"/>
                  </a:cubicBezTo>
                  <a:lnTo>
                    <a:pt x="342" y="214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1" name="Freeform 11">
              <a:extLst>
                <a:ext uri="{FF2B5EF4-FFF2-40B4-BE49-F238E27FC236}">
                  <a16:creationId xmlns:a16="http://schemas.microsoft.com/office/drawing/2014/main" id="{425B0672-DE59-4ECA-B0E7-B790066891FB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837879" y="564438"/>
              <a:ext cx="127221" cy="216321"/>
            </a:xfrm>
            <a:custGeom>
              <a:avLst/>
              <a:gdLst>
                <a:gd name="T0" fmla="*/ 0 w 293"/>
                <a:gd name="T1" fmla="*/ 13 h 498"/>
                <a:gd name="T2" fmla="*/ 138 w 293"/>
                <a:gd name="T3" fmla="*/ 13 h 498"/>
                <a:gd name="T4" fmla="*/ 138 w 293"/>
                <a:gd name="T5" fmla="*/ 111 h 498"/>
                <a:gd name="T6" fmla="*/ 293 w 293"/>
                <a:gd name="T7" fmla="*/ 4 h 498"/>
                <a:gd name="T8" fmla="*/ 293 w 293"/>
                <a:gd name="T9" fmla="*/ 148 h 498"/>
                <a:gd name="T10" fmla="*/ 285 w 293"/>
                <a:gd name="T11" fmla="*/ 148 h 498"/>
                <a:gd name="T12" fmla="*/ 138 w 293"/>
                <a:gd name="T13" fmla="*/ 319 h 498"/>
                <a:gd name="T14" fmla="*/ 138 w 293"/>
                <a:gd name="T15" fmla="*/ 498 h 498"/>
                <a:gd name="T16" fmla="*/ 0 w 293"/>
                <a:gd name="T17" fmla="*/ 498 h 498"/>
                <a:gd name="T18" fmla="*/ 0 w 293"/>
                <a:gd name="T19" fmla="*/ 13 h 49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293" h="498">
                  <a:moveTo>
                    <a:pt x="0" y="13"/>
                  </a:moveTo>
                  <a:cubicBezTo>
                    <a:pt x="138" y="13"/>
                    <a:pt x="138" y="13"/>
                    <a:pt x="138" y="13"/>
                  </a:cubicBezTo>
                  <a:cubicBezTo>
                    <a:pt x="138" y="111"/>
                    <a:pt x="138" y="111"/>
                    <a:pt x="138" y="111"/>
                  </a:cubicBezTo>
                  <a:cubicBezTo>
                    <a:pt x="166" y="44"/>
                    <a:pt x="211" y="0"/>
                    <a:pt x="293" y="4"/>
                  </a:cubicBezTo>
                  <a:cubicBezTo>
                    <a:pt x="293" y="148"/>
                    <a:pt x="293" y="148"/>
                    <a:pt x="293" y="148"/>
                  </a:cubicBezTo>
                  <a:cubicBezTo>
                    <a:pt x="285" y="148"/>
                    <a:pt x="285" y="148"/>
                    <a:pt x="285" y="148"/>
                  </a:cubicBezTo>
                  <a:cubicBezTo>
                    <a:pt x="194" y="148"/>
                    <a:pt x="138" y="203"/>
                    <a:pt x="138" y="319"/>
                  </a:cubicBezTo>
                  <a:cubicBezTo>
                    <a:pt x="138" y="498"/>
                    <a:pt x="138" y="498"/>
                    <a:pt x="138" y="498"/>
                  </a:cubicBezTo>
                  <a:cubicBezTo>
                    <a:pt x="0" y="498"/>
                    <a:pt x="0" y="498"/>
                    <a:pt x="0" y="498"/>
                  </a:cubicBezTo>
                  <a:lnTo>
                    <a:pt x="0" y="13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2" name="Freeform 12">
              <a:extLst>
                <a:ext uri="{FF2B5EF4-FFF2-40B4-BE49-F238E27FC236}">
                  <a16:creationId xmlns:a16="http://schemas.microsoft.com/office/drawing/2014/main" id="{48436D55-7005-4378-814F-D44CFE979F88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4988072" y="888476"/>
              <a:ext cx="134757" cy="268628"/>
            </a:xfrm>
            <a:custGeom>
              <a:avLst/>
              <a:gdLst>
                <a:gd name="T0" fmla="*/ 58 w 310"/>
                <a:gd name="T1" fmla="*/ 472 h 618"/>
                <a:gd name="T2" fmla="*/ 58 w 310"/>
                <a:gd name="T3" fmla="*/ 242 h 618"/>
                <a:gd name="T4" fmla="*/ 0 w 310"/>
                <a:gd name="T5" fmla="*/ 242 h 618"/>
                <a:gd name="T6" fmla="*/ 0 w 310"/>
                <a:gd name="T7" fmla="*/ 124 h 618"/>
                <a:gd name="T8" fmla="*/ 58 w 310"/>
                <a:gd name="T9" fmla="*/ 124 h 618"/>
                <a:gd name="T10" fmla="*/ 58 w 310"/>
                <a:gd name="T11" fmla="*/ 0 h 618"/>
                <a:gd name="T12" fmla="*/ 195 w 310"/>
                <a:gd name="T13" fmla="*/ 0 h 618"/>
                <a:gd name="T14" fmla="*/ 195 w 310"/>
                <a:gd name="T15" fmla="*/ 124 h 618"/>
                <a:gd name="T16" fmla="*/ 310 w 310"/>
                <a:gd name="T17" fmla="*/ 124 h 618"/>
                <a:gd name="T18" fmla="*/ 310 w 310"/>
                <a:gd name="T19" fmla="*/ 242 h 618"/>
                <a:gd name="T20" fmla="*/ 195 w 310"/>
                <a:gd name="T21" fmla="*/ 242 h 618"/>
                <a:gd name="T22" fmla="*/ 195 w 310"/>
                <a:gd name="T23" fmla="*/ 449 h 618"/>
                <a:gd name="T24" fmla="*/ 240 w 310"/>
                <a:gd name="T25" fmla="*/ 496 h 618"/>
                <a:gd name="T26" fmla="*/ 308 w 310"/>
                <a:gd name="T27" fmla="*/ 479 h 618"/>
                <a:gd name="T28" fmla="*/ 308 w 310"/>
                <a:gd name="T29" fmla="*/ 590 h 618"/>
                <a:gd name="T30" fmla="*/ 199 w 310"/>
                <a:gd name="T31" fmla="*/ 618 h 618"/>
                <a:gd name="T32" fmla="*/ 58 w 310"/>
                <a:gd name="T33" fmla="*/ 472 h 61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</a:cxnLst>
              <a:rect l="0" t="0" r="r" b="b"/>
              <a:pathLst>
                <a:path w="310" h="618">
                  <a:moveTo>
                    <a:pt x="58" y="472"/>
                  </a:moveTo>
                  <a:cubicBezTo>
                    <a:pt x="58" y="242"/>
                    <a:pt x="58" y="242"/>
                    <a:pt x="58" y="242"/>
                  </a:cubicBezTo>
                  <a:cubicBezTo>
                    <a:pt x="0" y="242"/>
                    <a:pt x="0" y="242"/>
                    <a:pt x="0" y="242"/>
                  </a:cubicBezTo>
                  <a:cubicBezTo>
                    <a:pt x="0" y="124"/>
                    <a:pt x="0" y="124"/>
                    <a:pt x="0" y="124"/>
                  </a:cubicBezTo>
                  <a:cubicBezTo>
                    <a:pt x="58" y="124"/>
                    <a:pt x="58" y="124"/>
                    <a:pt x="58" y="124"/>
                  </a:cubicBezTo>
                  <a:cubicBezTo>
                    <a:pt x="58" y="0"/>
                    <a:pt x="58" y="0"/>
                    <a:pt x="58" y="0"/>
                  </a:cubicBezTo>
                  <a:cubicBezTo>
                    <a:pt x="195" y="0"/>
                    <a:pt x="195" y="0"/>
                    <a:pt x="195" y="0"/>
                  </a:cubicBezTo>
                  <a:cubicBezTo>
                    <a:pt x="195" y="124"/>
                    <a:pt x="195" y="124"/>
                    <a:pt x="195" y="124"/>
                  </a:cubicBezTo>
                  <a:cubicBezTo>
                    <a:pt x="310" y="124"/>
                    <a:pt x="310" y="124"/>
                    <a:pt x="310" y="124"/>
                  </a:cubicBezTo>
                  <a:cubicBezTo>
                    <a:pt x="310" y="242"/>
                    <a:pt x="310" y="242"/>
                    <a:pt x="310" y="242"/>
                  </a:cubicBezTo>
                  <a:cubicBezTo>
                    <a:pt x="195" y="242"/>
                    <a:pt x="195" y="242"/>
                    <a:pt x="195" y="242"/>
                  </a:cubicBezTo>
                  <a:cubicBezTo>
                    <a:pt x="195" y="449"/>
                    <a:pt x="195" y="449"/>
                    <a:pt x="195" y="449"/>
                  </a:cubicBezTo>
                  <a:cubicBezTo>
                    <a:pt x="195" y="481"/>
                    <a:pt x="209" y="496"/>
                    <a:pt x="240" y="496"/>
                  </a:cubicBezTo>
                  <a:cubicBezTo>
                    <a:pt x="265" y="496"/>
                    <a:pt x="288" y="490"/>
                    <a:pt x="308" y="479"/>
                  </a:cubicBezTo>
                  <a:cubicBezTo>
                    <a:pt x="308" y="590"/>
                    <a:pt x="308" y="590"/>
                    <a:pt x="308" y="590"/>
                  </a:cubicBezTo>
                  <a:cubicBezTo>
                    <a:pt x="279" y="607"/>
                    <a:pt x="245" y="618"/>
                    <a:pt x="199" y="618"/>
                  </a:cubicBezTo>
                  <a:cubicBezTo>
                    <a:pt x="115" y="618"/>
                    <a:pt x="58" y="584"/>
                    <a:pt x="58" y="472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3" name="Freeform 13">
              <a:extLst>
                <a:ext uri="{FF2B5EF4-FFF2-40B4-BE49-F238E27FC236}">
                  <a16:creationId xmlns:a16="http://schemas.microsoft.com/office/drawing/2014/main" id="{E6A79EDF-5E61-4207-BE2D-FF92BBF8078B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5131251" y="938123"/>
              <a:ext cx="207455" cy="219867"/>
            </a:xfrm>
            <a:custGeom>
              <a:avLst/>
              <a:gdLst>
                <a:gd name="T0" fmla="*/ 0 w 477"/>
                <a:gd name="T1" fmla="*/ 254 h 505"/>
                <a:gd name="T2" fmla="*/ 0 w 477"/>
                <a:gd name="T3" fmla="*/ 253 h 505"/>
                <a:gd name="T4" fmla="*/ 240 w 477"/>
                <a:gd name="T5" fmla="*/ 0 h 505"/>
                <a:gd name="T6" fmla="*/ 477 w 477"/>
                <a:gd name="T7" fmla="*/ 263 h 505"/>
                <a:gd name="T8" fmla="*/ 475 w 477"/>
                <a:gd name="T9" fmla="*/ 300 h 505"/>
                <a:gd name="T10" fmla="*/ 137 w 477"/>
                <a:gd name="T11" fmla="*/ 300 h 505"/>
                <a:gd name="T12" fmla="*/ 256 w 477"/>
                <a:gd name="T13" fmla="*/ 395 h 505"/>
                <a:gd name="T14" fmla="*/ 373 w 477"/>
                <a:gd name="T15" fmla="*/ 345 h 505"/>
                <a:gd name="T16" fmla="*/ 452 w 477"/>
                <a:gd name="T17" fmla="*/ 415 h 505"/>
                <a:gd name="T18" fmla="*/ 254 w 477"/>
                <a:gd name="T19" fmla="*/ 505 h 505"/>
                <a:gd name="T20" fmla="*/ 0 w 477"/>
                <a:gd name="T21" fmla="*/ 254 h 505"/>
                <a:gd name="T22" fmla="*/ 343 w 477"/>
                <a:gd name="T23" fmla="*/ 214 h 505"/>
                <a:gd name="T24" fmla="*/ 240 w 477"/>
                <a:gd name="T25" fmla="*/ 111 h 505"/>
                <a:gd name="T26" fmla="*/ 135 w 477"/>
                <a:gd name="T27" fmla="*/ 214 h 505"/>
                <a:gd name="T28" fmla="*/ 343 w 477"/>
                <a:gd name="T29" fmla="*/ 214 h 50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477" h="505">
                  <a:moveTo>
                    <a:pt x="0" y="254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4"/>
                    <a:pt x="99" y="0"/>
                    <a:pt x="240" y="0"/>
                  </a:cubicBezTo>
                  <a:cubicBezTo>
                    <a:pt x="402" y="0"/>
                    <a:pt x="477" y="126"/>
                    <a:pt x="477" y="263"/>
                  </a:cubicBezTo>
                  <a:cubicBezTo>
                    <a:pt x="477" y="274"/>
                    <a:pt x="476" y="287"/>
                    <a:pt x="475" y="300"/>
                  </a:cubicBezTo>
                  <a:cubicBezTo>
                    <a:pt x="137" y="300"/>
                    <a:pt x="137" y="300"/>
                    <a:pt x="137" y="300"/>
                  </a:cubicBezTo>
                  <a:cubicBezTo>
                    <a:pt x="151" y="362"/>
                    <a:pt x="194" y="395"/>
                    <a:pt x="256" y="395"/>
                  </a:cubicBezTo>
                  <a:cubicBezTo>
                    <a:pt x="302" y="395"/>
                    <a:pt x="335" y="380"/>
                    <a:pt x="373" y="345"/>
                  </a:cubicBezTo>
                  <a:cubicBezTo>
                    <a:pt x="452" y="415"/>
                    <a:pt x="452" y="415"/>
                    <a:pt x="452" y="415"/>
                  </a:cubicBezTo>
                  <a:cubicBezTo>
                    <a:pt x="407" y="471"/>
                    <a:pt x="342" y="505"/>
                    <a:pt x="254" y="505"/>
                  </a:cubicBezTo>
                  <a:cubicBezTo>
                    <a:pt x="108" y="505"/>
                    <a:pt x="0" y="403"/>
                    <a:pt x="0" y="254"/>
                  </a:cubicBezTo>
                  <a:close/>
                  <a:moveTo>
                    <a:pt x="343" y="214"/>
                  </a:moveTo>
                  <a:cubicBezTo>
                    <a:pt x="334" y="152"/>
                    <a:pt x="298" y="111"/>
                    <a:pt x="240" y="111"/>
                  </a:cubicBezTo>
                  <a:cubicBezTo>
                    <a:pt x="183" y="111"/>
                    <a:pt x="146" y="151"/>
                    <a:pt x="135" y="214"/>
                  </a:cubicBezTo>
                  <a:lnTo>
                    <a:pt x="343" y="214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4" name="Freeform 14">
              <a:extLst>
                <a:ext uri="{FF2B5EF4-FFF2-40B4-BE49-F238E27FC236}">
                  <a16:creationId xmlns:a16="http://schemas.microsoft.com/office/drawing/2014/main" id="{EE8FC2BE-83D2-4E89-84B1-6204300EF806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348015" y="938123"/>
              <a:ext cx="195486" cy="219867"/>
            </a:xfrm>
            <a:custGeom>
              <a:avLst/>
              <a:gdLst>
                <a:gd name="T0" fmla="*/ 0 w 450"/>
                <a:gd name="T1" fmla="*/ 254 h 505"/>
                <a:gd name="T2" fmla="*/ 0 w 450"/>
                <a:gd name="T3" fmla="*/ 253 h 505"/>
                <a:gd name="T4" fmla="*/ 254 w 450"/>
                <a:gd name="T5" fmla="*/ 0 h 505"/>
                <a:gd name="T6" fmla="*/ 448 w 450"/>
                <a:gd name="T7" fmla="*/ 82 h 505"/>
                <a:gd name="T8" fmla="*/ 363 w 450"/>
                <a:gd name="T9" fmla="*/ 172 h 505"/>
                <a:gd name="T10" fmla="*/ 253 w 450"/>
                <a:gd name="T11" fmla="*/ 119 h 505"/>
                <a:gd name="T12" fmla="*/ 135 w 450"/>
                <a:gd name="T13" fmla="*/ 251 h 505"/>
                <a:gd name="T14" fmla="*/ 135 w 450"/>
                <a:gd name="T15" fmla="*/ 253 h 505"/>
                <a:gd name="T16" fmla="*/ 258 w 450"/>
                <a:gd name="T17" fmla="*/ 387 h 505"/>
                <a:gd name="T18" fmla="*/ 370 w 450"/>
                <a:gd name="T19" fmla="*/ 335 h 505"/>
                <a:gd name="T20" fmla="*/ 450 w 450"/>
                <a:gd name="T21" fmla="*/ 416 h 505"/>
                <a:gd name="T22" fmla="*/ 252 w 450"/>
                <a:gd name="T23" fmla="*/ 505 h 505"/>
                <a:gd name="T24" fmla="*/ 0 w 450"/>
                <a:gd name="T25" fmla="*/ 254 h 50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450" h="505">
                  <a:moveTo>
                    <a:pt x="0" y="254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4"/>
                    <a:pt x="106" y="0"/>
                    <a:pt x="254" y="0"/>
                  </a:cubicBezTo>
                  <a:cubicBezTo>
                    <a:pt x="345" y="0"/>
                    <a:pt x="402" y="31"/>
                    <a:pt x="448" y="82"/>
                  </a:cubicBezTo>
                  <a:cubicBezTo>
                    <a:pt x="363" y="172"/>
                    <a:pt x="363" y="172"/>
                    <a:pt x="363" y="172"/>
                  </a:cubicBezTo>
                  <a:cubicBezTo>
                    <a:pt x="333" y="139"/>
                    <a:pt x="302" y="119"/>
                    <a:pt x="253" y="119"/>
                  </a:cubicBezTo>
                  <a:cubicBezTo>
                    <a:pt x="184" y="119"/>
                    <a:pt x="135" y="179"/>
                    <a:pt x="135" y="251"/>
                  </a:cubicBezTo>
                  <a:cubicBezTo>
                    <a:pt x="135" y="253"/>
                    <a:pt x="135" y="253"/>
                    <a:pt x="135" y="253"/>
                  </a:cubicBezTo>
                  <a:cubicBezTo>
                    <a:pt x="135" y="327"/>
                    <a:pt x="183" y="387"/>
                    <a:pt x="258" y="387"/>
                  </a:cubicBezTo>
                  <a:cubicBezTo>
                    <a:pt x="305" y="387"/>
                    <a:pt x="336" y="367"/>
                    <a:pt x="370" y="335"/>
                  </a:cubicBezTo>
                  <a:cubicBezTo>
                    <a:pt x="450" y="416"/>
                    <a:pt x="450" y="416"/>
                    <a:pt x="450" y="416"/>
                  </a:cubicBezTo>
                  <a:cubicBezTo>
                    <a:pt x="403" y="468"/>
                    <a:pt x="349" y="505"/>
                    <a:pt x="252" y="505"/>
                  </a:cubicBezTo>
                  <a:cubicBezTo>
                    <a:pt x="106" y="505"/>
                    <a:pt x="0" y="393"/>
                    <a:pt x="0" y="25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5" name="Freeform 15">
              <a:extLst>
                <a:ext uri="{FF2B5EF4-FFF2-40B4-BE49-F238E27FC236}">
                  <a16:creationId xmlns:a16="http://schemas.microsoft.com/office/drawing/2014/main" id="{20BF9710-84EF-48F3-83AC-79B8578452FF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553254" y="866312"/>
              <a:ext cx="193270" cy="286802"/>
            </a:xfrm>
            <a:custGeom>
              <a:avLst/>
              <a:gdLst>
                <a:gd name="T0" fmla="*/ 0 w 445"/>
                <a:gd name="T1" fmla="*/ 0 h 660"/>
                <a:gd name="T2" fmla="*/ 138 w 445"/>
                <a:gd name="T3" fmla="*/ 0 h 660"/>
                <a:gd name="T4" fmla="*/ 138 w 445"/>
                <a:gd name="T5" fmla="*/ 244 h 660"/>
                <a:gd name="T6" fmla="*/ 280 w 445"/>
                <a:gd name="T7" fmla="*/ 166 h 660"/>
                <a:gd name="T8" fmla="*/ 445 w 445"/>
                <a:gd name="T9" fmla="*/ 346 h 660"/>
                <a:gd name="T10" fmla="*/ 445 w 445"/>
                <a:gd name="T11" fmla="*/ 660 h 660"/>
                <a:gd name="T12" fmla="*/ 307 w 445"/>
                <a:gd name="T13" fmla="*/ 660 h 660"/>
                <a:gd name="T14" fmla="*/ 307 w 445"/>
                <a:gd name="T15" fmla="*/ 390 h 660"/>
                <a:gd name="T16" fmla="*/ 224 w 445"/>
                <a:gd name="T17" fmla="*/ 291 h 660"/>
                <a:gd name="T18" fmla="*/ 138 w 445"/>
                <a:gd name="T19" fmla="*/ 390 h 660"/>
                <a:gd name="T20" fmla="*/ 138 w 445"/>
                <a:gd name="T21" fmla="*/ 660 h 660"/>
                <a:gd name="T22" fmla="*/ 0 w 445"/>
                <a:gd name="T23" fmla="*/ 660 h 660"/>
                <a:gd name="T24" fmla="*/ 0 w 445"/>
                <a:gd name="T25" fmla="*/ 0 h 66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445" h="660">
                  <a:moveTo>
                    <a:pt x="0" y="0"/>
                  </a:moveTo>
                  <a:cubicBezTo>
                    <a:pt x="138" y="0"/>
                    <a:pt x="138" y="0"/>
                    <a:pt x="138" y="0"/>
                  </a:cubicBezTo>
                  <a:cubicBezTo>
                    <a:pt x="138" y="244"/>
                    <a:pt x="138" y="244"/>
                    <a:pt x="138" y="244"/>
                  </a:cubicBezTo>
                  <a:cubicBezTo>
                    <a:pt x="169" y="203"/>
                    <a:pt x="210" y="166"/>
                    <a:pt x="280" y="166"/>
                  </a:cubicBezTo>
                  <a:cubicBezTo>
                    <a:pt x="384" y="166"/>
                    <a:pt x="445" y="235"/>
                    <a:pt x="445" y="346"/>
                  </a:cubicBezTo>
                  <a:cubicBezTo>
                    <a:pt x="445" y="660"/>
                    <a:pt x="445" y="660"/>
                    <a:pt x="445" y="660"/>
                  </a:cubicBezTo>
                  <a:cubicBezTo>
                    <a:pt x="307" y="660"/>
                    <a:pt x="307" y="660"/>
                    <a:pt x="307" y="660"/>
                  </a:cubicBezTo>
                  <a:cubicBezTo>
                    <a:pt x="307" y="390"/>
                    <a:pt x="307" y="390"/>
                    <a:pt x="307" y="390"/>
                  </a:cubicBezTo>
                  <a:cubicBezTo>
                    <a:pt x="307" y="324"/>
                    <a:pt x="276" y="291"/>
                    <a:pt x="224" y="291"/>
                  </a:cubicBezTo>
                  <a:cubicBezTo>
                    <a:pt x="171" y="291"/>
                    <a:pt x="138" y="324"/>
                    <a:pt x="138" y="390"/>
                  </a:cubicBezTo>
                  <a:cubicBezTo>
                    <a:pt x="138" y="660"/>
                    <a:pt x="138" y="660"/>
                    <a:pt x="138" y="660"/>
                  </a:cubicBezTo>
                  <a:cubicBezTo>
                    <a:pt x="0" y="660"/>
                    <a:pt x="0" y="660"/>
                    <a:pt x="0" y="660"/>
                  </a:cubicBezTo>
                  <a:lnTo>
                    <a:pt x="0" y="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6" name="Freeform 16">
              <a:extLst>
                <a:ext uri="{FF2B5EF4-FFF2-40B4-BE49-F238E27FC236}">
                  <a16:creationId xmlns:a16="http://schemas.microsoft.com/office/drawing/2014/main" id="{81617563-0E5D-4304-8347-94091B18C68E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762039" y="938123"/>
              <a:ext cx="192827" cy="214991"/>
            </a:xfrm>
            <a:custGeom>
              <a:avLst/>
              <a:gdLst>
                <a:gd name="T0" fmla="*/ 0 w 444"/>
                <a:gd name="T1" fmla="*/ 9 h 494"/>
                <a:gd name="T2" fmla="*/ 137 w 444"/>
                <a:gd name="T3" fmla="*/ 9 h 494"/>
                <a:gd name="T4" fmla="*/ 137 w 444"/>
                <a:gd name="T5" fmla="*/ 78 h 494"/>
                <a:gd name="T6" fmla="*/ 279 w 444"/>
                <a:gd name="T7" fmla="*/ 0 h 494"/>
                <a:gd name="T8" fmla="*/ 444 w 444"/>
                <a:gd name="T9" fmla="*/ 180 h 494"/>
                <a:gd name="T10" fmla="*/ 444 w 444"/>
                <a:gd name="T11" fmla="*/ 494 h 494"/>
                <a:gd name="T12" fmla="*/ 306 w 444"/>
                <a:gd name="T13" fmla="*/ 494 h 494"/>
                <a:gd name="T14" fmla="*/ 306 w 444"/>
                <a:gd name="T15" fmla="*/ 224 h 494"/>
                <a:gd name="T16" fmla="*/ 223 w 444"/>
                <a:gd name="T17" fmla="*/ 125 h 494"/>
                <a:gd name="T18" fmla="*/ 137 w 444"/>
                <a:gd name="T19" fmla="*/ 224 h 494"/>
                <a:gd name="T20" fmla="*/ 137 w 444"/>
                <a:gd name="T21" fmla="*/ 494 h 494"/>
                <a:gd name="T22" fmla="*/ 0 w 444"/>
                <a:gd name="T23" fmla="*/ 494 h 494"/>
                <a:gd name="T24" fmla="*/ 0 w 444"/>
                <a:gd name="T25" fmla="*/ 9 h 49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444" h="494">
                  <a:moveTo>
                    <a:pt x="0" y="9"/>
                  </a:moveTo>
                  <a:cubicBezTo>
                    <a:pt x="137" y="9"/>
                    <a:pt x="137" y="9"/>
                    <a:pt x="137" y="9"/>
                  </a:cubicBezTo>
                  <a:cubicBezTo>
                    <a:pt x="137" y="78"/>
                    <a:pt x="137" y="78"/>
                    <a:pt x="137" y="78"/>
                  </a:cubicBezTo>
                  <a:cubicBezTo>
                    <a:pt x="169" y="37"/>
                    <a:pt x="210" y="0"/>
                    <a:pt x="279" y="0"/>
                  </a:cubicBezTo>
                  <a:cubicBezTo>
                    <a:pt x="383" y="0"/>
                    <a:pt x="444" y="69"/>
                    <a:pt x="444" y="180"/>
                  </a:cubicBezTo>
                  <a:cubicBezTo>
                    <a:pt x="444" y="494"/>
                    <a:pt x="444" y="494"/>
                    <a:pt x="444" y="494"/>
                  </a:cubicBezTo>
                  <a:cubicBezTo>
                    <a:pt x="306" y="494"/>
                    <a:pt x="306" y="494"/>
                    <a:pt x="306" y="494"/>
                  </a:cubicBezTo>
                  <a:cubicBezTo>
                    <a:pt x="306" y="224"/>
                    <a:pt x="306" y="224"/>
                    <a:pt x="306" y="224"/>
                  </a:cubicBezTo>
                  <a:cubicBezTo>
                    <a:pt x="306" y="158"/>
                    <a:pt x="276" y="125"/>
                    <a:pt x="223" y="125"/>
                  </a:cubicBezTo>
                  <a:cubicBezTo>
                    <a:pt x="171" y="125"/>
                    <a:pt x="137" y="158"/>
                    <a:pt x="137" y="224"/>
                  </a:cubicBezTo>
                  <a:cubicBezTo>
                    <a:pt x="137" y="494"/>
                    <a:pt x="137" y="494"/>
                    <a:pt x="137" y="494"/>
                  </a:cubicBezTo>
                  <a:cubicBezTo>
                    <a:pt x="0" y="494"/>
                    <a:pt x="0" y="494"/>
                    <a:pt x="0" y="494"/>
                  </a:cubicBezTo>
                  <a:lnTo>
                    <a:pt x="0" y="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7" name="Freeform 17">
              <a:extLst>
                <a:ext uri="{FF2B5EF4-FFF2-40B4-BE49-F238E27FC236}">
                  <a16:creationId xmlns:a16="http://schemas.microsoft.com/office/drawing/2014/main" id="{644BF847-C98F-4D2F-A010-37D3A26D4B86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5967277" y="938123"/>
              <a:ext cx="228289" cy="219867"/>
            </a:xfrm>
            <a:custGeom>
              <a:avLst/>
              <a:gdLst>
                <a:gd name="T0" fmla="*/ 0 w 525"/>
                <a:gd name="T1" fmla="*/ 254 h 505"/>
                <a:gd name="T2" fmla="*/ 0 w 525"/>
                <a:gd name="T3" fmla="*/ 253 h 505"/>
                <a:gd name="T4" fmla="*/ 263 w 525"/>
                <a:gd name="T5" fmla="*/ 0 h 505"/>
                <a:gd name="T6" fmla="*/ 525 w 525"/>
                <a:gd name="T7" fmla="*/ 251 h 505"/>
                <a:gd name="T8" fmla="*/ 525 w 525"/>
                <a:gd name="T9" fmla="*/ 253 h 505"/>
                <a:gd name="T10" fmla="*/ 262 w 525"/>
                <a:gd name="T11" fmla="*/ 505 h 505"/>
                <a:gd name="T12" fmla="*/ 0 w 525"/>
                <a:gd name="T13" fmla="*/ 254 h 505"/>
                <a:gd name="T14" fmla="*/ 389 w 525"/>
                <a:gd name="T15" fmla="*/ 254 h 505"/>
                <a:gd name="T16" fmla="*/ 389 w 525"/>
                <a:gd name="T17" fmla="*/ 253 h 505"/>
                <a:gd name="T18" fmla="*/ 262 w 525"/>
                <a:gd name="T19" fmla="*/ 119 h 505"/>
                <a:gd name="T20" fmla="*/ 136 w 525"/>
                <a:gd name="T21" fmla="*/ 251 h 505"/>
                <a:gd name="T22" fmla="*/ 136 w 525"/>
                <a:gd name="T23" fmla="*/ 253 h 505"/>
                <a:gd name="T24" fmla="*/ 263 w 525"/>
                <a:gd name="T25" fmla="*/ 387 h 505"/>
                <a:gd name="T26" fmla="*/ 389 w 525"/>
                <a:gd name="T27" fmla="*/ 254 h 50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</a:cxnLst>
              <a:rect l="0" t="0" r="r" b="b"/>
              <a:pathLst>
                <a:path w="525" h="505">
                  <a:moveTo>
                    <a:pt x="0" y="254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3"/>
                    <a:pt x="112" y="0"/>
                    <a:pt x="263" y="0"/>
                  </a:cubicBezTo>
                  <a:cubicBezTo>
                    <a:pt x="414" y="0"/>
                    <a:pt x="525" y="111"/>
                    <a:pt x="525" y="251"/>
                  </a:cubicBezTo>
                  <a:cubicBezTo>
                    <a:pt x="525" y="253"/>
                    <a:pt x="525" y="253"/>
                    <a:pt x="525" y="253"/>
                  </a:cubicBezTo>
                  <a:cubicBezTo>
                    <a:pt x="525" y="392"/>
                    <a:pt x="413" y="505"/>
                    <a:pt x="262" y="505"/>
                  </a:cubicBezTo>
                  <a:cubicBezTo>
                    <a:pt x="111" y="505"/>
                    <a:pt x="0" y="394"/>
                    <a:pt x="0" y="254"/>
                  </a:cubicBezTo>
                  <a:close/>
                  <a:moveTo>
                    <a:pt x="389" y="254"/>
                  </a:moveTo>
                  <a:cubicBezTo>
                    <a:pt x="389" y="253"/>
                    <a:pt x="389" y="253"/>
                    <a:pt x="389" y="253"/>
                  </a:cubicBezTo>
                  <a:cubicBezTo>
                    <a:pt x="389" y="181"/>
                    <a:pt x="338" y="119"/>
                    <a:pt x="262" y="119"/>
                  </a:cubicBezTo>
                  <a:cubicBezTo>
                    <a:pt x="183" y="119"/>
                    <a:pt x="136" y="179"/>
                    <a:pt x="136" y="251"/>
                  </a:cubicBezTo>
                  <a:cubicBezTo>
                    <a:pt x="136" y="253"/>
                    <a:pt x="136" y="253"/>
                    <a:pt x="136" y="253"/>
                  </a:cubicBezTo>
                  <a:cubicBezTo>
                    <a:pt x="136" y="324"/>
                    <a:pt x="187" y="387"/>
                    <a:pt x="263" y="387"/>
                  </a:cubicBezTo>
                  <a:cubicBezTo>
                    <a:pt x="342" y="387"/>
                    <a:pt x="389" y="326"/>
                    <a:pt x="389" y="25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8" name="Rectangle 18">
              <a:extLst>
                <a:ext uri="{FF2B5EF4-FFF2-40B4-BE49-F238E27FC236}">
                  <a16:creationId xmlns:a16="http://schemas.microsoft.com/office/drawing/2014/main" id="{424E75C9-AA44-4EC4-BB9E-BE47649AE0FB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6207091" y="866312"/>
              <a:ext cx="59843" cy="286802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8" name="Freeform 19">
              <a:extLst>
                <a:ext uri="{FF2B5EF4-FFF2-40B4-BE49-F238E27FC236}">
                  <a16:creationId xmlns:a16="http://schemas.microsoft.com/office/drawing/2014/main" id="{FEBDD19B-EA9E-403C-8765-67EC4F33220E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278460" y="938123"/>
              <a:ext cx="228732" cy="219867"/>
            </a:xfrm>
            <a:custGeom>
              <a:avLst/>
              <a:gdLst>
                <a:gd name="T0" fmla="*/ 0 w 526"/>
                <a:gd name="T1" fmla="*/ 254 h 505"/>
                <a:gd name="T2" fmla="*/ 0 w 526"/>
                <a:gd name="T3" fmla="*/ 253 h 505"/>
                <a:gd name="T4" fmla="*/ 264 w 526"/>
                <a:gd name="T5" fmla="*/ 0 h 505"/>
                <a:gd name="T6" fmla="*/ 526 w 526"/>
                <a:gd name="T7" fmla="*/ 251 h 505"/>
                <a:gd name="T8" fmla="*/ 526 w 526"/>
                <a:gd name="T9" fmla="*/ 253 h 505"/>
                <a:gd name="T10" fmla="*/ 262 w 526"/>
                <a:gd name="T11" fmla="*/ 505 h 505"/>
                <a:gd name="T12" fmla="*/ 0 w 526"/>
                <a:gd name="T13" fmla="*/ 254 h 505"/>
                <a:gd name="T14" fmla="*/ 390 w 526"/>
                <a:gd name="T15" fmla="*/ 254 h 505"/>
                <a:gd name="T16" fmla="*/ 390 w 526"/>
                <a:gd name="T17" fmla="*/ 253 h 505"/>
                <a:gd name="T18" fmla="*/ 262 w 526"/>
                <a:gd name="T19" fmla="*/ 119 h 505"/>
                <a:gd name="T20" fmla="*/ 136 w 526"/>
                <a:gd name="T21" fmla="*/ 251 h 505"/>
                <a:gd name="T22" fmla="*/ 136 w 526"/>
                <a:gd name="T23" fmla="*/ 253 h 505"/>
                <a:gd name="T24" fmla="*/ 264 w 526"/>
                <a:gd name="T25" fmla="*/ 387 h 505"/>
                <a:gd name="T26" fmla="*/ 390 w 526"/>
                <a:gd name="T27" fmla="*/ 254 h 50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</a:cxnLst>
              <a:rect l="0" t="0" r="r" b="b"/>
              <a:pathLst>
                <a:path w="526" h="505">
                  <a:moveTo>
                    <a:pt x="0" y="254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3"/>
                    <a:pt x="113" y="0"/>
                    <a:pt x="264" y="0"/>
                  </a:cubicBezTo>
                  <a:cubicBezTo>
                    <a:pt x="414" y="0"/>
                    <a:pt x="526" y="111"/>
                    <a:pt x="526" y="251"/>
                  </a:cubicBezTo>
                  <a:cubicBezTo>
                    <a:pt x="526" y="253"/>
                    <a:pt x="526" y="253"/>
                    <a:pt x="526" y="253"/>
                  </a:cubicBezTo>
                  <a:cubicBezTo>
                    <a:pt x="526" y="392"/>
                    <a:pt x="413" y="505"/>
                    <a:pt x="262" y="505"/>
                  </a:cubicBezTo>
                  <a:cubicBezTo>
                    <a:pt x="112" y="505"/>
                    <a:pt x="0" y="394"/>
                    <a:pt x="0" y="254"/>
                  </a:cubicBezTo>
                  <a:close/>
                  <a:moveTo>
                    <a:pt x="390" y="254"/>
                  </a:moveTo>
                  <a:cubicBezTo>
                    <a:pt x="390" y="253"/>
                    <a:pt x="390" y="253"/>
                    <a:pt x="390" y="253"/>
                  </a:cubicBezTo>
                  <a:cubicBezTo>
                    <a:pt x="390" y="181"/>
                    <a:pt x="338" y="119"/>
                    <a:pt x="262" y="119"/>
                  </a:cubicBezTo>
                  <a:cubicBezTo>
                    <a:pt x="183" y="119"/>
                    <a:pt x="136" y="179"/>
                    <a:pt x="136" y="251"/>
                  </a:cubicBezTo>
                  <a:cubicBezTo>
                    <a:pt x="136" y="253"/>
                    <a:pt x="136" y="253"/>
                    <a:pt x="136" y="253"/>
                  </a:cubicBezTo>
                  <a:cubicBezTo>
                    <a:pt x="136" y="324"/>
                    <a:pt x="188" y="387"/>
                    <a:pt x="264" y="387"/>
                  </a:cubicBezTo>
                  <a:cubicBezTo>
                    <a:pt x="343" y="387"/>
                    <a:pt x="390" y="326"/>
                    <a:pt x="390" y="254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9" name="Freeform 20">
              <a:extLst>
                <a:ext uri="{FF2B5EF4-FFF2-40B4-BE49-F238E27FC236}">
                  <a16:creationId xmlns:a16="http://schemas.microsoft.com/office/drawing/2014/main" id="{7A373CE5-CD38-4DAB-8B96-B0968C2DF035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516057" y="938123"/>
              <a:ext cx="221197" cy="278823"/>
            </a:xfrm>
            <a:custGeom>
              <a:avLst/>
              <a:gdLst>
                <a:gd name="T0" fmla="*/ 24 w 509"/>
                <a:gd name="T1" fmla="*/ 590 h 641"/>
                <a:gd name="T2" fmla="*/ 71 w 509"/>
                <a:gd name="T3" fmla="*/ 487 h 641"/>
                <a:gd name="T4" fmla="*/ 235 w 509"/>
                <a:gd name="T5" fmla="*/ 531 h 641"/>
                <a:gd name="T6" fmla="*/ 373 w 509"/>
                <a:gd name="T7" fmla="*/ 399 h 641"/>
                <a:gd name="T8" fmla="*/ 373 w 509"/>
                <a:gd name="T9" fmla="*/ 376 h 641"/>
                <a:gd name="T10" fmla="*/ 215 w 509"/>
                <a:gd name="T11" fmla="*/ 454 h 641"/>
                <a:gd name="T12" fmla="*/ 0 w 509"/>
                <a:gd name="T13" fmla="*/ 228 h 641"/>
                <a:gd name="T14" fmla="*/ 0 w 509"/>
                <a:gd name="T15" fmla="*/ 226 h 641"/>
                <a:gd name="T16" fmla="*/ 215 w 509"/>
                <a:gd name="T17" fmla="*/ 0 h 641"/>
                <a:gd name="T18" fmla="*/ 372 w 509"/>
                <a:gd name="T19" fmla="*/ 72 h 641"/>
                <a:gd name="T20" fmla="*/ 372 w 509"/>
                <a:gd name="T21" fmla="*/ 9 h 641"/>
                <a:gd name="T22" fmla="*/ 509 w 509"/>
                <a:gd name="T23" fmla="*/ 9 h 641"/>
                <a:gd name="T24" fmla="*/ 509 w 509"/>
                <a:gd name="T25" fmla="*/ 385 h 641"/>
                <a:gd name="T26" fmla="*/ 448 w 509"/>
                <a:gd name="T27" fmla="*/ 576 h 641"/>
                <a:gd name="T28" fmla="*/ 239 w 509"/>
                <a:gd name="T29" fmla="*/ 641 h 641"/>
                <a:gd name="T30" fmla="*/ 24 w 509"/>
                <a:gd name="T31" fmla="*/ 590 h 641"/>
                <a:gd name="T32" fmla="*/ 373 w 509"/>
                <a:gd name="T33" fmla="*/ 228 h 641"/>
                <a:gd name="T34" fmla="*/ 373 w 509"/>
                <a:gd name="T35" fmla="*/ 226 h 641"/>
                <a:gd name="T36" fmla="*/ 255 w 509"/>
                <a:gd name="T37" fmla="*/ 114 h 641"/>
                <a:gd name="T38" fmla="*/ 137 w 509"/>
                <a:gd name="T39" fmla="*/ 226 h 641"/>
                <a:gd name="T40" fmla="*/ 137 w 509"/>
                <a:gd name="T41" fmla="*/ 228 h 641"/>
                <a:gd name="T42" fmla="*/ 255 w 509"/>
                <a:gd name="T43" fmla="*/ 340 h 641"/>
                <a:gd name="T44" fmla="*/ 373 w 509"/>
                <a:gd name="T45" fmla="*/ 228 h 641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</a:cxnLst>
              <a:rect l="0" t="0" r="r" b="b"/>
              <a:pathLst>
                <a:path w="509" h="641">
                  <a:moveTo>
                    <a:pt x="24" y="590"/>
                  </a:moveTo>
                  <a:cubicBezTo>
                    <a:pt x="71" y="487"/>
                    <a:pt x="71" y="487"/>
                    <a:pt x="71" y="487"/>
                  </a:cubicBezTo>
                  <a:cubicBezTo>
                    <a:pt x="121" y="515"/>
                    <a:pt x="171" y="531"/>
                    <a:pt x="235" y="531"/>
                  </a:cubicBezTo>
                  <a:cubicBezTo>
                    <a:pt x="329" y="531"/>
                    <a:pt x="373" y="486"/>
                    <a:pt x="373" y="399"/>
                  </a:cubicBezTo>
                  <a:cubicBezTo>
                    <a:pt x="373" y="376"/>
                    <a:pt x="373" y="376"/>
                    <a:pt x="373" y="376"/>
                  </a:cubicBezTo>
                  <a:cubicBezTo>
                    <a:pt x="333" y="425"/>
                    <a:pt x="288" y="454"/>
                    <a:pt x="215" y="454"/>
                  </a:cubicBezTo>
                  <a:cubicBezTo>
                    <a:pt x="102" y="454"/>
                    <a:pt x="0" y="372"/>
                    <a:pt x="0" y="228"/>
                  </a:cubicBezTo>
                  <a:cubicBezTo>
                    <a:pt x="0" y="226"/>
                    <a:pt x="0" y="226"/>
                    <a:pt x="0" y="226"/>
                  </a:cubicBezTo>
                  <a:cubicBezTo>
                    <a:pt x="0" y="82"/>
                    <a:pt x="104" y="0"/>
                    <a:pt x="215" y="0"/>
                  </a:cubicBezTo>
                  <a:cubicBezTo>
                    <a:pt x="290" y="0"/>
                    <a:pt x="334" y="32"/>
                    <a:pt x="372" y="72"/>
                  </a:cubicBezTo>
                  <a:cubicBezTo>
                    <a:pt x="372" y="9"/>
                    <a:pt x="372" y="9"/>
                    <a:pt x="372" y="9"/>
                  </a:cubicBezTo>
                  <a:cubicBezTo>
                    <a:pt x="509" y="9"/>
                    <a:pt x="509" y="9"/>
                    <a:pt x="509" y="9"/>
                  </a:cubicBezTo>
                  <a:cubicBezTo>
                    <a:pt x="509" y="385"/>
                    <a:pt x="509" y="385"/>
                    <a:pt x="509" y="385"/>
                  </a:cubicBezTo>
                  <a:cubicBezTo>
                    <a:pt x="509" y="472"/>
                    <a:pt x="488" y="535"/>
                    <a:pt x="448" y="576"/>
                  </a:cubicBezTo>
                  <a:cubicBezTo>
                    <a:pt x="402" y="621"/>
                    <a:pt x="333" y="641"/>
                    <a:pt x="239" y="641"/>
                  </a:cubicBezTo>
                  <a:cubicBezTo>
                    <a:pt x="160" y="641"/>
                    <a:pt x="86" y="623"/>
                    <a:pt x="24" y="590"/>
                  </a:cubicBezTo>
                  <a:close/>
                  <a:moveTo>
                    <a:pt x="373" y="228"/>
                  </a:moveTo>
                  <a:cubicBezTo>
                    <a:pt x="373" y="226"/>
                    <a:pt x="373" y="226"/>
                    <a:pt x="373" y="226"/>
                  </a:cubicBezTo>
                  <a:cubicBezTo>
                    <a:pt x="373" y="160"/>
                    <a:pt x="322" y="114"/>
                    <a:pt x="255" y="114"/>
                  </a:cubicBezTo>
                  <a:cubicBezTo>
                    <a:pt x="188" y="114"/>
                    <a:pt x="137" y="160"/>
                    <a:pt x="137" y="226"/>
                  </a:cubicBezTo>
                  <a:cubicBezTo>
                    <a:pt x="137" y="228"/>
                    <a:pt x="137" y="228"/>
                    <a:pt x="137" y="228"/>
                  </a:cubicBezTo>
                  <a:cubicBezTo>
                    <a:pt x="137" y="295"/>
                    <a:pt x="188" y="340"/>
                    <a:pt x="255" y="340"/>
                  </a:cubicBezTo>
                  <a:cubicBezTo>
                    <a:pt x="322" y="340"/>
                    <a:pt x="373" y="294"/>
                    <a:pt x="373" y="228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0" name="Freeform 21">
              <a:extLst>
                <a:ext uri="{FF2B5EF4-FFF2-40B4-BE49-F238E27FC236}">
                  <a16:creationId xmlns:a16="http://schemas.microsoft.com/office/drawing/2014/main" id="{74D5EE84-9E16-4D88-9A9C-3A56ED3F3CF6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747450" y="942113"/>
              <a:ext cx="219424" cy="275277"/>
            </a:xfrm>
            <a:custGeom>
              <a:avLst/>
              <a:gdLst>
                <a:gd name="T0" fmla="*/ 362 w 505"/>
                <a:gd name="T1" fmla="*/ 0 h 633"/>
                <a:gd name="T2" fmla="*/ 505 w 505"/>
                <a:gd name="T3" fmla="*/ 0 h 633"/>
                <a:gd name="T4" fmla="*/ 319 w 505"/>
                <a:gd name="T5" fmla="*/ 497 h 633"/>
                <a:gd name="T6" fmla="*/ 159 w 505"/>
                <a:gd name="T7" fmla="*/ 633 h 633"/>
                <a:gd name="T8" fmla="*/ 37 w 505"/>
                <a:gd name="T9" fmla="*/ 599 h 633"/>
                <a:gd name="T10" fmla="*/ 83 w 505"/>
                <a:gd name="T11" fmla="*/ 500 h 633"/>
                <a:gd name="T12" fmla="*/ 142 w 505"/>
                <a:gd name="T13" fmla="*/ 519 h 633"/>
                <a:gd name="T14" fmla="*/ 190 w 505"/>
                <a:gd name="T15" fmla="*/ 487 h 633"/>
                <a:gd name="T16" fmla="*/ 0 w 505"/>
                <a:gd name="T17" fmla="*/ 0 h 633"/>
                <a:gd name="T18" fmla="*/ 146 w 505"/>
                <a:gd name="T19" fmla="*/ 0 h 633"/>
                <a:gd name="T20" fmla="*/ 256 w 505"/>
                <a:gd name="T21" fmla="*/ 331 h 633"/>
                <a:gd name="T22" fmla="*/ 362 w 505"/>
                <a:gd name="T23" fmla="*/ 0 h 63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</a:cxnLst>
              <a:rect l="0" t="0" r="r" b="b"/>
              <a:pathLst>
                <a:path w="505" h="633">
                  <a:moveTo>
                    <a:pt x="362" y="0"/>
                  </a:moveTo>
                  <a:cubicBezTo>
                    <a:pt x="505" y="0"/>
                    <a:pt x="505" y="0"/>
                    <a:pt x="505" y="0"/>
                  </a:cubicBezTo>
                  <a:cubicBezTo>
                    <a:pt x="319" y="497"/>
                    <a:pt x="319" y="497"/>
                    <a:pt x="319" y="497"/>
                  </a:cubicBezTo>
                  <a:cubicBezTo>
                    <a:pt x="282" y="596"/>
                    <a:pt x="242" y="633"/>
                    <a:pt x="159" y="633"/>
                  </a:cubicBezTo>
                  <a:cubicBezTo>
                    <a:pt x="110" y="633"/>
                    <a:pt x="73" y="620"/>
                    <a:pt x="37" y="599"/>
                  </a:cubicBezTo>
                  <a:cubicBezTo>
                    <a:pt x="83" y="500"/>
                    <a:pt x="83" y="500"/>
                    <a:pt x="83" y="500"/>
                  </a:cubicBezTo>
                  <a:cubicBezTo>
                    <a:pt x="101" y="511"/>
                    <a:pt x="124" y="519"/>
                    <a:pt x="142" y="519"/>
                  </a:cubicBezTo>
                  <a:cubicBezTo>
                    <a:pt x="166" y="519"/>
                    <a:pt x="178" y="512"/>
                    <a:pt x="190" y="487"/>
                  </a:cubicBezTo>
                  <a:cubicBezTo>
                    <a:pt x="0" y="0"/>
                    <a:pt x="0" y="0"/>
                    <a:pt x="0" y="0"/>
                  </a:cubicBezTo>
                  <a:cubicBezTo>
                    <a:pt x="146" y="0"/>
                    <a:pt x="146" y="0"/>
                    <a:pt x="146" y="0"/>
                  </a:cubicBezTo>
                  <a:cubicBezTo>
                    <a:pt x="256" y="331"/>
                    <a:pt x="256" y="331"/>
                    <a:pt x="256" y="331"/>
                  </a:cubicBezTo>
                  <a:lnTo>
                    <a:pt x="362" y="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1" name="Freeform 22">
              <a:extLst>
                <a:ext uri="{FF2B5EF4-FFF2-40B4-BE49-F238E27FC236}">
                  <a16:creationId xmlns:a16="http://schemas.microsoft.com/office/drawing/2014/main" id="{E09D81A6-0484-4291-A061-755878B95515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005842" y="1258171"/>
              <a:ext cx="132541" cy="290348"/>
            </a:xfrm>
            <a:custGeom>
              <a:avLst/>
              <a:gdLst>
                <a:gd name="T0" fmla="*/ 57 w 305"/>
                <a:gd name="T1" fmla="*/ 299 h 667"/>
                <a:gd name="T2" fmla="*/ 0 w 305"/>
                <a:gd name="T3" fmla="*/ 299 h 667"/>
                <a:gd name="T4" fmla="*/ 0 w 305"/>
                <a:gd name="T5" fmla="*/ 186 h 667"/>
                <a:gd name="T6" fmla="*/ 57 w 305"/>
                <a:gd name="T7" fmla="*/ 186 h 667"/>
                <a:gd name="T8" fmla="*/ 57 w 305"/>
                <a:gd name="T9" fmla="*/ 155 h 667"/>
                <a:gd name="T10" fmla="*/ 96 w 305"/>
                <a:gd name="T11" fmla="*/ 38 h 667"/>
                <a:gd name="T12" fmla="*/ 208 w 305"/>
                <a:gd name="T13" fmla="*/ 0 h 667"/>
                <a:gd name="T14" fmla="*/ 305 w 305"/>
                <a:gd name="T15" fmla="*/ 13 h 667"/>
                <a:gd name="T16" fmla="*/ 305 w 305"/>
                <a:gd name="T17" fmla="*/ 127 h 667"/>
                <a:gd name="T18" fmla="*/ 243 w 305"/>
                <a:gd name="T19" fmla="*/ 115 h 667"/>
                <a:gd name="T20" fmla="*/ 193 w 305"/>
                <a:gd name="T21" fmla="*/ 168 h 667"/>
                <a:gd name="T22" fmla="*/ 193 w 305"/>
                <a:gd name="T23" fmla="*/ 187 h 667"/>
                <a:gd name="T24" fmla="*/ 305 w 305"/>
                <a:gd name="T25" fmla="*/ 187 h 667"/>
                <a:gd name="T26" fmla="*/ 305 w 305"/>
                <a:gd name="T27" fmla="*/ 299 h 667"/>
                <a:gd name="T28" fmla="*/ 195 w 305"/>
                <a:gd name="T29" fmla="*/ 299 h 667"/>
                <a:gd name="T30" fmla="*/ 195 w 305"/>
                <a:gd name="T31" fmla="*/ 667 h 667"/>
                <a:gd name="T32" fmla="*/ 57 w 305"/>
                <a:gd name="T33" fmla="*/ 667 h 667"/>
                <a:gd name="T34" fmla="*/ 57 w 305"/>
                <a:gd name="T35" fmla="*/ 299 h 667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</a:cxnLst>
              <a:rect l="0" t="0" r="r" b="b"/>
              <a:pathLst>
                <a:path w="305" h="667">
                  <a:moveTo>
                    <a:pt x="57" y="299"/>
                  </a:moveTo>
                  <a:cubicBezTo>
                    <a:pt x="0" y="299"/>
                    <a:pt x="0" y="299"/>
                    <a:pt x="0" y="299"/>
                  </a:cubicBezTo>
                  <a:cubicBezTo>
                    <a:pt x="0" y="186"/>
                    <a:pt x="0" y="186"/>
                    <a:pt x="0" y="186"/>
                  </a:cubicBezTo>
                  <a:cubicBezTo>
                    <a:pt x="57" y="186"/>
                    <a:pt x="57" y="186"/>
                    <a:pt x="57" y="186"/>
                  </a:cubicBezTo>
                  <a:cubicBezTo>
                    <a:pt x="57" y="155"/>
                    <a:pt x="57" y="155"/>
                    <a:pt x="57" y="155"/>
                  </a:cubicBezTo>
                  <a:cubicBezTo>
                    <a:pt x="57" y="102"/>
                    <a:pt x="71" y="63"/>
                    <a:pt x="96" y="38"/>
                  </a:cubicBezTo>
                  <a:cubicBezTo>
                    <a:pt x="122" y="12"/>
                    <a:pt x="159" y="0"/>
                    <a:pt x="208" y="0"/>
                  </a:cubicBezTo>
                  <a:cubicBezTo>
                    <a:pt x="251" y="0"/>
                    <a:pt x="280" y="5"/>
                    <a:pt x="305" y="13"/>
                  </a:cubicBezTo>
                  <a:cubicBezTo>
                    <a:pt x="305" y="127"/>
                    <a:pt x="305" y="127"/>
                    <a:pt x="305" y="127"/>
                  </a:cubicBezTo>
                  <a:cubicBezTo>
                    <a:pt x="286" y="120"/>
                    <a:pt x="267" y="115"/>
                    <a:pt x="243" y="115"/>
                  </a:cubicBezTo>
                  <a:cubicBezTo>
                    <a:pt x="211" y="115"/>
                    <a:pt x="193" y="132"/>
                    <a:pt x="193" y="168"/>
                  </a:cubicBezTo>
                  <a:cubicBezTo>
                    <a:pt x="193" y="187"/>
                    <a:pt x="193" y="187"/>
                    <a:pt x="193" y="187"/>
                  </a:cubicBezTo>
                  <a:cubicBezTo>
                    <a:pt x="305" y="187"/>
                    <a:pt x="305" y="187"/>
                    <a:pt x="305" y="187"/>
                  </a:cubicBezTo>
                  <a:cubicBezTo>
                    <a:pt x="305" y="299"/>
                    <a:pt x="305" y="299"/>
                    <a:pt x="305" y="299"/>
                  </a:cubicBezTo>
                  <a:cubicBezTo>
                    <a:pt x="195" y="299"/>
                    <a:pt x="195" y="299"/>
                    <a:pt x="195" y="299"/>
                  </a:cubicBezTo>
                  <a:cubicBezTo>
                    <a:pt x="195" y="667"/>
                    <a:pt x="195" y="667"/>
                    <a:pt x="195" y="667"/>
                  </a:cubicBezTo>
                  <a:cubicBezTo>
                    <a:pt x="57" y="667"/>
                    <a:pt x="57" y="667"/>
                    <a:pt x="57" y="667"/>
                  </a:cubicBezTo>
                  <a:lnTo>
                    <a:pt x="57" y="29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2" name="Freeform 23">
              <a:extLst>
                <a:ext uri="{FF2B5EF4-FFF2-40B4-BE49-F238E27FC236}">
                  <a16:creationId xmlns:a16="http://schemas.microsoft.com/office/drawing/2014/main" id="{790B3C9F-7941-47B7-8BBE-C9BE7DE89F29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137497" y="1333086"/>
              <a:ext cx="228289" cy="219867"/>
            </a:xfrm>
            <a:custGeom>
              <a:avLst/>
              <a:gdLst>
                <a:gd name="T0" fmla="*/ 0 w 525"/>
                <a:gd name="T1" fmla="*/ 255 h 506"/>
                <a:gd name="T2" fmla="*/ 0 w 525"/>
                <a:gd name="T3" fmla="*/ 253 h 506"/>
                <a:gd name="T4" fmla="*/ 263 w 525"/>
                <a:gd name="T5" fmla="*/ 0 h 506"/>
                <a:gd name="T6" fmla="*/ 525 w 525"/>
                <a:gd name="T7" fmla="*/ 251 h 506"/>
                <a:gd name="T8" fmla="*/ 525 w 525"/>
                <a:gd name="T9" fmla="*/ 253 h 506"/>
                <a:gd name="T10" fmla="*/ 261 w 525"/>
                <a:gd name="T11" fmla="*/ 506 h 506"/>
                <a:gd name="T12" fmla="*/ 0 w 525"/>
                <a:gd name="T13" fmla="*/ 255 h 506"/>
                <a:gd name="T14" fmla="*/ 389 w 525"/>
                <a:gd name="T15" fmla="*/ 255 h 506"/>
                <a:gd name="T16" fmla="*/ 389 w 525"/>
                <a:gd name="T17" fmla="*/ 253 h 506"/>
                <a:gd name="T18" fmla="*/ 261 w 525"/>
                <a:gd name="T19" fmla="*/ 119 h 506"/>
                <a:gd name="T20" fmla="*/ 135 w 525"/>
                <a:gd name="T21" fmla="*/ 251 h 506"/>
                <a:gd name="T22" fmla="*/ 135 w 525"/>
                <a:gd name="T23" fmla="*/ 253 h 506"/>
                <a:gd name="T24" fmla="*/ 263 w 525"/>
                <a:gd name="T25" fmla="*/ 387 h 506"/>
                <a:gd name="T26" fmla="*/ 389 w 525"/>
                <a:gd name="T27" fmla="*/ 255 h 506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</a:cxnLst>
              <a:rect l="0" t="0" r="r" b="b"/>
              <a:pathLst>
                <a:path w="525" h="506">
                  <a:moveTo>
                    <a:pt x="0" y="255"/>
                  </a:moveTo>
                  <a:cubicBezTo>
                    <a:pt x="0" y="253"/>
                    <a:pt x="0" y="253"/>
                    <a:pt x="0" y="253"/>
                  </a:cubicBezTo>
                  <a:cubicBezTo>
                    <a:pt x="0" y="114"/>
                    <a:pt x="112" y="0"/>
                    <a:pt x="263" y="0"/>
                  </a:cubicBezTo>
                  <a:cubicBezTo>
                    <a:pt x="413" y="0"/>
                    <a:pt x="525" y="112"/>
                    <a:pt x="525" y="251"/>
                  </a:cubicBezTo>
                  <a:cubicBezTo>
                    <a:pt x="525" y="253"/>
                    <a:pt x="525" y="253"/>
                    <a:pt x="525" y="253"/>
                  </a:cubicBezTo>
                  <a:cubicBezTo>
                    <a:pt x="525" y="392"/>
                    <a:pt x="412" y="506"/>
                    <a:pt x="261" y="506"/>
                  </a:cubicBezTo>
                  <a:cubicBezTo>
                    <a:pt x="111" y="506"/>
                    <a:pt x="0" y="394"/>
                    <a:pt x="0" y="255"/>
                  </a:cubicBezTo>
                  <a:close/>
                  <a:moveTo>
                    <a:pt x="389" y="255"/>
                  </a:moveTo>
                  <a:cubicBezTo>
                    <a:pt x="389" y="253"/>
                    <a:pt x="389" y="253"/>
                    <a:pt x="389" y="253"/>
                  </a:cubicBezTo>
                  <a:cubicBezTo>
                    <a:pt x="389" y="182"/>
                    <a:pt x="337" y="119"/>
                    <a:pt x="261" y="119"/>
                  </a:cubicBezTo>
                  <a:cubicBezTo>
                    <a:pt x="183" y="119"/>
                    <a:pt x="135" y="180"/>
                    <a:pt x="135" y="251"/>
                  </a:cubicBezTo>
                  <a:cubicBezTo>
                    <a:pt x="135" y="253"/>
                    <a:pt x="135" y="253"/>
                    <a:pt x="135" y="253"/>
                  </a:cubicBezTo>
                  <a:cubicBezTo>
                    <a:pt x="135" y="325"/>
                    <a:pt x="187" y="387"/>
                    <a:pt x="263" y="387"/>
                  </a:cubicBezTo>
                  <a:cubicBezTo>
                    <a:pt x="342" y="387"/>
                    <a:pt x="389" y="326"/>
                    <a:pt x="389" y="255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3" name="Freeform 24">
              <a:extLst>
                <a:ext uri="{FF2B5EF4-FFF2-40B4-BE49-F238E27FC236}">
                  <a16:creationId xmlns:a16="http://schemas.microsoft.com/office/drawing/2014/main" id="{E75BF800-A9FA-4FA5-B06E-00F909B5AC60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379084" y="1331756"/>
              <a:ext cx="127665" cy="216764"/>
            </a:xfrm>
            <a:custGeom>
              <a:avLst/>
              <a:gdLst>
                <a:gd name="T0" fmla="*/ 0 w 293"/>
                <a:gd name="T1" fmla="*/ 13 h 498"/>
                <a:gd name="T2" fmla="*/ 138 w 293"/>
                <a:gd name="T3" fmla="*/ 13 h 498"/>
                <a:gd name="T4" fmla="*/ 138 w 293"/>
                <a:gd name="T5" fmla="*/ 110 h 498"/>
                <a:gd name="T6" fmla="*/ 293 w 293"/>
                <a:gd name="T7" fmla="*/ 3 h 498"/>
                <a:gd name="T8" fmla="*/ 293 w 293"/>
                <a:gd name="T9" fmla="*/ 147 h 498"/>
                <a:gd name="T10" fmla="*/ 286 w 293"/>
                <a:gd name="T11" fmla="*/ 147 h 498"/>
                <a:gd name="T12" fmla="*/ 138 w 293"/>
                <a:gd name="T13" fmla="*/ 318 h 498"/>
                <a:gd name="T14" fmla="*/ 138 w 293"/>
                <a:gd name="T15" fmla="*/ 498 h 498"/>
                <a:gd name="T16" fmla="*/ 0 w 293"/>
                <a:gd name="T17" fmla="*/ 498 h 498"/>
                <a:gd name="T18" fmla="*/ 0 w 293"/>
                <a:gd name="T19" fmla="*/ 13 h 49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293" h="498">
                  <a:moveTo>
                    <a:pt x="0" y="13"/>
                  </a:moveTo>
                  <a:cubicBezTo>
                    <a:pt x="138" y="13"/>
                    <a:pt x="138" y="13"/>
                    <a:pt x="138" y="13"/>
                  </a:cubicBezTo>
                  <a:cubicBezTo>
                    <a:pt x="138" y="110"/>
                    <a:pt x="138" y="110"/>
                    <a:pt x="138" y="110"/>
                  </a:cubicBezTo>
                  <a:cubicBezTo>
                    <a:pt x="166" y="43"/>
                    <a:pt x="211" y="0"/>
                    <a:pt x="293" y="3"/>
                  </a:cubicBezTo>
                  <a:cubicBezTo>
                    <a:pt x="293" y="147"/>
                    <a:pt x="293" y="147"/>
                    <a:pt x="293" y="147"/>
                  </a:cubicBezTo>
                  <a:cubicBezTo>
                    <a:pt x="286" y="147"/>
                    <a:pt x="286" y="147"/>
                    <a:pt x="286" y="147"/>
                  </a:cubicBezTo>
                  <a:cubicBezTo>
                    <a:pt x="194" y="147"/>
                    <a:pt x="138" y="203"/>
                    <a:pt x="138" y="318"/>
                  </a:cubicBezTo>
                  <a:cubicBezTo>
                    <a:pt x="138" y="498"/>
                    <a:pt x="138" y="498"/>
                    <a:pt x="138" y="498"/>
                  </a:cubicBezTo>
                  <a:cubicBezTo>
                    <a:pt x="0" y="498"/>
                    <a:pt x="0" y="498"/>
                    <a:pt x="0" y="498"/>
                  </a:cubicBezTo>
                  <a:lnTo>
                    <a:pt x="0" y="13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4" name="Freeform 25">
              <a:extLst>
                <a:ext uri="{FF2B5EF4-FFF2-40B4-BE49-F238E27FC236}">
                  <a16:creationId xmlns:a16="http://schemas.microsoft.com/office/drawing/2014/main" id="{31170700-1A5B-4233-9767-A27ACACA8604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582993" y="1334859"/>
              <a:ext cx="194157" cy="217207"/>
            </a:xfrm>
            <a:custGeom>
              <a:avLst/>
              <a:gdLst>
                <a:gd name="T0" fmla="*/ 0 w 446"/>
                <a:gd name="T1" fmla="*/ 351 h 500"/>
                <a:gd name="T2" fmla="*/ 0 w 446"/>
                <a:gd name="T3" fmla="*/ 349 h 500"/>
                <a:gd name="T4" fmla="*/ 195 w 446"/>
                <a:gd name="T5" fmla="*/ 195 h 500"/>
                <a:gd name="T6" fmla="*/ 314 w 446"/>
                <a:gd name="T7" fmla="*/ 215 h 500"/>
                <a:gd name="T8" fmla="*/ 314 w 446"/>
                <a:gd name="T9" fmla="*/ 206 h 500"/>
                <a:gd name="T10" fmla="*/ 210 w 446"/>
                <a:gd name="T11" fmla="*/ 118 h 500"/>
                <a:gd name="T12" fmla="*/ 76 w 446"/>
                <a:gd name="T13" fmla="*/ 144 h 500"/>
                <a:gd name="T14" fmla="*/ 42 w 446"/>
                <a:gd name="T15" fmla="*/ 39 h 500"/>
                <a:gd name="T16" fmla="*/ 230 w 446"/>
                <a:gd name="T17" fmla="*/ 0 h 500"/>
                <a:gd name="T18" fmla="*/ 394 w 446"/>
                <a:gd name="T19" fmla="*/ 54 h 500"/>
                <a:gd name="T20" fmla="*/ 446 w 446"/>
                <a:gd name="T21" fmla="*/ 209 h 500"/>
                <a:gd name="T22" fmla="*/ 446 w 446"/>
                <a:gd name="T23" fmla="*/ 491 h 500"/>
                <a:gd name="T24" fmla="*/ 313 w 446"/>
                <a:gd name="T25" fmla="*/ 491 h 500"/>
                <a:gd name="T26" fmla="*/ 313 w 446"/>
                <a:gd name="T27" fmla="*/ 438 h 500"/>
                <a:gd name="T28" fmla="*/ 167 w 446"/>
                <a:gd name="T29" fmla="*/ 500 h 500"/>
                <a:gd name="T30" fmla="*/ 0 w 446"/>
                <a:gd name="T31" fmla="*/ 351 h 500"/>
                <a:gd name="T32" fmla="*/ 316 w 446"/>
                <a:gd name="T33" fmla="*/ 320 h 500"/>
                <a:gd name="T34" fmla="*/ 316 w 446"/>
                <a:gd name="T35" fmla="*/ 295 h 500"/>
                <a:gd name="T36" fmla="*/ 228 w 446"/>
                <a:gd name="T37" fmla="*/ 277 h 500"/>
                <a:gd name="T38" fmla="*/ 133 w 446"/>
                <a:gd name="T39" fmla="*/ 344 h 500"/>
                <a:gd name="T40" fmla="*/ 133 w 446"/>
                <a:gd name="T41" fmla="*/ 346 h 500"/>
                <a:gd name="T42" fmla="*/ 208 w 446"/>
                <a:gd name="T43" fmla="*/ 405 h 500"/>
                <a:gd name="T44" fmla="*/ 316 w 446"/>
                <a:gd name="T45" fmla="*/ 320 h 5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</a:cxnLst>
              <a:rect l="0" t="0" r="r" b="b"/>
              <a:pathLst>
                <a:path w="446" h="500">
                  <a:moveTo>
                    <a:pt x="0" y="351"/>
                  </a:moveTo>
                  <a:cubicBezTo>
                    <a:pt x="0" y="349"/>
                    <a:pt x="0" y="349"/>
                    <a:pt x="0" y="349"/>
                  </a:cubicBezTo>
                  <a:cubicBezTo>
                    <a:pt x="0" y="244"/>
                    <a:pt x="81" y="195"/>
                    <a:pt x="195" y="195"/>
                  </a:cubicBezTo>
                  <a:cubicBezTo>
                    <a:pt x="244" y="195"/>
                    <a:pt x="280" y="203"/>
                    <a:pt x="314" y="215"/>
                  </a:cubicBezTo>
                  <a:cubicBezTo>
                    <a:pt x="314" y="206"/>
                    <a:pt x="314" y="206"/>
                    <a:pt x="314" y="206"/>
                  </a:cubicBezTo>
                  <a:cubicBezTo>
                    <a:pt x="314" y="149"/>
                    <a:pt x="279" y="118"/>
                    <a:pt x="210" y="118"/>
                  </a:cubicBezTo>
                  <a:cubicBezTo>
                    <a:pt x="157" y="118"/>
                    <a:pt x="120" y="128"/>
                    <a:pt x="76" y="144"/>
                  </a:cubicBezTo>
                  <a:cubicBezTo>
                    <a:pt x="42" y="39"/>
                    <a:pt x="42" y="39"/>
                    <a:pt x="42" y="39"/>
                  </a:cubicBezTo>
                  <a:cubicBezTo>
                    <a:pt x="95" y="15"/>
                    <a:pt x="148" y="0"/>
                    <a:pt x="230" y="0"/>
                  </a:cubicBezTo>
                  <a:cubicBezTo>
                    <a:pt x="305" y="0"/>
                    <a:pt x="359" y="20"/>
                    <a:pt x="394" y="54"/>
                  </a:cubicBezTo>
                  <a:cubicBezTo>
                    <a:pt x="430" y="91"/>
                    <a:pt x="446" y="144"/>
                    <a:pt x="446" y="209"/>
                  </a:cubicBezTo>
                  <a:cubicBezTo>
                    <a:pt x="446" y="491"/>
                    <a:pt x="446" y="491"/>
                    <a:pt x="446" y="491"/>
                  </a:cubicBezTo>
                  <a:cubicBezTo>
                    <a:pt x="313" y="491"/>
                    <a:pt x="313" y="491"/>
                    <a:pt x="313" y="491"/>
                  </a:cubicBezTo>
                  <a:cubicBezTo>
                    <a:pt x="313" y="438"/>
                    <a:pt x="313" y="438"/>
                    <a:pt x="313" y="438"/>
                  </a:cubicBezTo>
                  <a:cubicBezTo>
                    <a:pt x="280" y="475"/>
                    <a:pt x="234" y="500"/>
                    <a:pt x="167" y="500"/>
                  </a:cubicBezTo>
                  <a:cubicBezTo>
                    <a:pt x="75" y="500"/>
                    <a:pt x="0" y="447"/>
                    <a:pt x="0" y="351"/>
                  </a:cubicBezTo>
                  <a:close/>
                  <a:moveTo>
                    <a:pt x="316" y="320"/>
                  </a:moveTo>
                  <a:cubicBezTo>
                    <a:pt x="316" y="295"/>
                    <a:pt x="316" y="295"/>
                    <a:pt x="316" y="295"/>
                  </a:cubicBezTo>
                  <a:cubicBezTo>
                    <a:pt x="292" y="284"/>
                    <a:pt x="262" y="277"/>
                    <a:pt x="228" y="277"/>
                  </a:cubicBezTo>
                  <a:cubicBezTo>
                    <a:pt x="169" y="277"/>
                    <a:pt x="133" y="301"/>
                    <a:pt x="133" y="344"/>
                  </a:cubicBezTo>
                  <a:cubicBezTo>
                    <a:pt x="133" y="346"/>
                    <a:pt x="133" y="346"/>
                    <a:pt x="133" y="346"/>
                  </a:cubicBezTo>
                  <a:cubicBezTo>
                    <a:pt x="133" y="383"/>
                    <a:pt x="164" y="405"/>
                    <a:pt x="208" y="405"/>
                  </a:cubicBezTo>
                  <a:cubicBezTo>
                    <a:pt x="272" y="405"/>
                    <a:pt x="316" y="369"/>
                    <a:pt x="316" y="320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5" name="Rectangle 26">
              <a:extLst>
                <a:ext uri="{FF2B5EF4-FFF2-40B4-BE49-F238E27FC236}">
                  <a16:creationId xmlns:a16="http://schemas.microsoft.com/office/drawing/2014/main" id="{9CF25159-7802-4E5B-8837-8E57F2A51EC0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6801973" y="1260831"/>
              <a:ext cx="59843" cy="287689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6" name="Rectangle 27">
              <a:extLst>
                <a:ext uri="{FF2B5EF4-FFF2-40B4-BE49-F238E27FC236}">
                  <a16:creationId xmlns:a16="http://schemas.microsoft.com/office/drawing/2014/main" id="{8C48BAA6-002A-430B-9CD2-AF23AC05A737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6886639" y="1260831"/>
              <a:ext cx="59399" cy="287689"/>
            </a:xfrm>
            <a:prstGeom prst="rect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37" name="Rectangle 28">
            <a:extLst>
              <a:ext uri="{FF2B5EF4-FFF2-40B4-BE49-F238E27FC236}">
                <a16:creationId xmlns:a16="http://schemas.microsoft.com/office/drawing/2014/main" id="{4D872154-4275-422F-BF6F-C8ECDAFCF823}"/>
              </a:ext>
            </a:extLst>
          </p:cNvPr>
          <p:cNvSpPr>
            <a:spLocks noChangeArrowheads="1"/>
          </p:cNvSpPr>
          <p:nvPr userDrawn="1"/>
        </p:nvSpPr>
        <p:spPr bwMode="auto">
          <a:xfrm>
            <a:off x="11556230" y="837417"/>
            <a:ext cx="634181" cy="189869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grpSp>
        <p:nvGrpSpPr>
          <p:cNvPr id="45" name="Group 44">
            <a:extLst>
              <a:ext uri="{FF2B5EF4-FFF2-40B4-BE49-F238E27FC236}">
                <a16:creationId xmlns:a16="http://schemas.microsoft.com/office/drawing/2014/main" id="{28BEE63C-C3F8-4C38-9BE5-7F464ABA10A0}"/>
              </a:ext>
            </a:extLst>
          </p:cNvPr>
          <p:cNvGrpSpPr/>
          <p:nvPr userDrawn="1"/>
        </p:nvGrpSpPr>
        <p:grpSpPr>
          <a:xfrm>
            <a:off x="11701122" y="1007069"/>
            <a:ext cx="321494" cy="1552800"/>
            <a:chOff x="7313961" y="501936"/>
            <a:chExt cx="323594" cy="1566108"/>
          </a:xfrm>
        </p:grpSpPr>
        <p:sp>
          <p:nvSpPr>
            <p:cNvPr id="38" name="Freeform 29">
              <a:extLst>
                <a:ext uri="{FF2B5EF4-FFF2-40B4-BE49-F238E27FC236}">
                  <a16:creationId xmlns:a16="http://schemas.microsoft.com/office/drawing/2014/main" id="{0F6D2C1F-123F-4FC5-A8AF-9FD924E3768C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7383556" y="1311808"/>
              <a:ext cx="249567" cy="247350"/>
            </a:xfrm>
            <a:custGeom>
              <a:avLst/>
              <a:gdLst>
                <a:gd name="T0" fmla="*/ 0 w 574"/>
                <a:gd name="T1" fmla="*/ 229 h 569"/>
                <a:gd name="T2" fmla="*/ 90 w 574"/>
                <a:gd name="T3" fmla="*/ 413 h 569"/>
                <a:gd name="T4" fmla="*/ 90 w 574"/>
                <a:gd name="T5" fmla="*/ 413 h 569"/>
                <a:gd name="T6" fmla="*/ 90 w 574"/>
                <a:gd name="T7" fmla="*/ 413 h 569"/>
                <a:gd name="T8" fmla="*/ 9 w 574"/>
                <a:gd name="T9" fmla="*/ 413 h 569"/>
                <a:gd name="T10" fmla="*/ 9 w 574"/>
                <a:gd name="T11" fmla="*/ 569 h 569"/>
                <a:gd name="T12" fmla="*/ 574 w 574"/>
                <a:gd name="T13" fmla="*/ 569 h 569"/>
                <a:gd name="T14" fmla="*/ 574 w 574"/>
                <a:gd name="T15" fmla="*/ 413 h 569"/>
                <a:gd name="T16" fmla="*/ 253 w 574"/>
                <a:gd name="T17" fmla="*/ 413 h 569"/>
                <a:gd name="T18" fmla="*/ 133 w 574"/>
                <a:gd name="T19" fmla="*/ 286 h 569"/>
                <a:gd name="T20" fmla="*/ 253 w 574"/>
                <a:gd name="T21" fmla="*/ 155 h 569"/>
                <a:gd name="T22" fmla="*/ 574 w 574"/>
                <a:gd name="T23" fmla="*/ 155 h 569"/>
                <a:gd name="T24" fmla="*/ 574 w 574"/>
                <a:gd name="T25" fmla="*/ 0 h 569"/>
                <a:gd name="T26" fmla="*/ 224 w 574"/>
                <a:gd name="T27" fmla="*/ 0 h 569"/>
                <a:gd name="T28" fmla="*/ 0 w 574"/>
                <a:gd name="T29" fmla="*/ 229 h 56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574" h="569">
                  <a:moveTo>
                    <a:pt x="0" y="229"/>
                  </a:moveTo>
                  <a:cubicBezTo>
                    <a:pt x="0" y="294"/>
                    <a:pt x="30" y="368"/>
                    <a:pt x="90" y="413"/>
                  </a:cubicBezTo>
                  <a:cubicBezTo>
                    <a:pt x="90" y="413"/>
                    <a:pt x="90" y="413"/>
                    <a:pt x="90" y="413"/>
                  </a:cubicBezTo>
                  <a:cubicBezTo>
                    <a:pt x="90" y="413"/>
                    <a:pt x="90" y="413"/>
                    <a:pt x="90" y="413"/>
                  </a:cubicBezTo>
                  <a:cubicBezTo>
                    <a:pt x="9" y="413"/>
                    <a:pt x="9" y="413"/>
                    <a:pt x="9" y="413"/>
                  </a:cubicBezTo>
                  <a:cubicBezTo>
                    <a:pt x="9" y="569"/>
                    <a:pt x="9" y="569"/>
                    <a:pt x="9" y="569"/>
                  </a:cubicBezTo>
                  <a:cubicBezTo>
                    <a:pt x="574" y="569"/>
                    <a:pt x="574" y="569"/>
                    <a:pt x="574" y="569"/>
                  </a:cubicBezTo>
                  <a:cubicBezTo>
                    <a:pt x="574" y="413"/>
                    <a:pt x="574" y="413"/>
                    <a:pt x="574" y="413"/>
                  </a:cubicBezTo>
                  <a:cubicBezTo>
                    <a:pt x="253" y="413"/>
                    <a:pt x="253" y="413"/>
                    <a:pt x="253" y="413"/>
                  </a:cubicBezTo>
                  <a:cubicBezTo>
                    <a:pt x="195" y="413"/>
                    <a:pt x="133" y="369"/>
                    <a:pt x="133" y="286"/>
                  </a:cubicBezTo>
                  <a:cubicBezTo>
                    <a:pt x="133" y="221"/>
                    <a:pt x="178" y="155"/>
                    <a:pt x="253" y="155"/>
                  </a:cubicBezTo>
                  <a:cubicBezTo>
                    <a:pt x="574" y="155"/>
                    <a:pt x="574" y="155"/>
                    <a:pt x="574" y="155"/>
                  </a:cubicBezTo>
                  <a:cubicBezTo>
                    <a:pt x="574" y="0"/>
                    <a:pt x="574" y="0"/>
                    <a:pt x="574" y="0"/>
                  </a:cubicBezTo>
                  <a:cubicBezTo>
                    <a:pt x="224" y="0"/>
                    <a:pt x="224" y="0"/>
                    <a:pt x="224" y="0"/>
                  </a:cubicBezTo>
                  <a:cubicBezTo>
                    <a:pt x="94" y="0"/>
                    <a:pt x="0" y="93"/>
                    <a:pt x="0" y="229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39" name="Freeform 30">
              <a:extLst>
                <a:ext uri="{FF2B5EF4-FFF2-40B4-BE49-F238E27FC236}">
                  <a16:creationId xmlns:a16="http://schemas.microsoft.com/office/drawing/2014/main" id="{2EA5A2F2-AE15-4FA5-85A9-F7373F32518B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7387546" y="755049"/>
              <a:ext cx="245577" cy="276163"/>
            </a:xfrm>
            <a:custGeom>
              <a:avLst/>
              <a:gdLst>
                <a:gd name="T0" fmla="*/ 0 w 554"/>
                <a:gd name="T1" fmla="*/ 174 h 623"/>
                <a:gd name="T2" fmla="*/ 377 w 554"/>
                <a:gd name="T3" fmla="*/ 311 h 623"/>
                <a:gd name="T4" fmla="*/ 0 w 554"/>
                <a:gd name="T5" fmla="*/ 450 h 623"/>
                <a:gd name="T6" fmla="*/ 0 w 554"/>
                <a:gd name="T7" fmla="*/ 623 h 623"/>
                <a:gd name="T8" fmla="*/ 554 w 554"/>
                <a:gd name="T9" fmla="*/ 395 h 623"/>
                <a:gd name="T10" fmla="*/ 554 w 554"/>
                <a:gd name="T11" fmla="*/ 228 h 623"/>
                <a:gd name="T12" fmla="*/ 0 w 554"/>
                <a:gd name="T13" fmla="*/ 0 h 623"/>
                <a:gd name="T14" fmla="*/ 0 w 554"/>
                <a:gd name="T15" fmla="*/ 174 h 623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554" h="623">
                  <a:moveTo>
                    <a:pt x="0" y="174"/>
                  </a:moveTo>
                  <a:lnTo>
                    <a:pt x="377" y="311"/>
                  </a:lnTo>
                  <a:lnTo>
                    <a:pt x="0" y="450"/>
                  </a:lnTo>
                  <a:lnTo>
                    <a:pt x="0" y="623"/>
                  </a:lnTo>
                  <a:lnTo>
                    <a:pt x="554" y="395"/>
                  </a:lnTo>
                  <a:lnTo>
                    <a:pt x="554" y="228"/>
                  </a:lnTo>
                  <a:lnTo>
                    <a:pt x="0" y="0"/>
                  </a:lnTo>
                  <a:lnTo>
                    <a:pt x="0" y="174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40" name="Freeform 31">
              <a:extLst>
                <a:ext uri="{FF2B5EF4-FFF2-40B4-BE49-F238E27FC236}">
                  <a16:creationId xmlns:a16="http://schemas.microsoft.com/office/drawing/2014/main" id="{F0E0D771-C362-479B-9362-010602469889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7383556" y="1583096"/>
              <a:ext cx="253999" cy="256659"/>
            </a:xfrm>
            <a:custGeom>
              <a:avLst/>
              <a:gdLst>
                <a:gd name="T0" fmla="*/ 401 w 584"/>
                <a:gd name="T1" fmla="*/ 110 h 590"/>
                <a:gd name="T2" fmla="*/ 460 w 584"/>
                <a:gd name="T3" fmla="*/ 272 h 590"/>
                <a:gd name="T4" fmla="*/ 415 w 584"/>
                <a:gd name="T5" fmla="*/ 397 h 590"/>
                <a:gd name="T6" fmla="*/ 250 w 584"/>
                <a:gd name="T7" fmla="*/ 0 h 590"/>
                <a:gd name="T8" fmla="*/ 92 w 584"/>
                <a:gd name="T9" fmla="*/ 68 h 590"/>
                <a:gd name="T10" fmla="*/ 0 w 584"/>
                <a:gd name="T11" fmla="*/ 291 h 590"/>
                <a:gd name="T12" fmla="*/ 292 w 584"/>
                <a:gd name="T13" fmla="*/ 590 h 590"/>
                <a:gd name="T14" fmla="*/ 584 w 584"/>
                <a:gd name="T15" fmla="*/ 274 h 590"/>
                <a:gd name="T16" fmla="*/ 476 w 584"/>
                <a:gd name="T17" fmla="*/ 12 h 590"/>
                <a:gd name="T18" fmla="*/ 401 w 584"/>
                <a:gd name="T19" fmla="*/ 110 h 590"/>
                <a:gd name="T20" fmla="*/ 179 w 584"/>
                <a:gd name="T21" fmla="*/ 408 h 590"/>
                <a:gd name="T22" fmla="*/ 123 w 584"/>
                <a:gd name="T23" fmla="*/ 288 h 590"/>
                <a:gd name="T24" fmla="*/ 202 w 584"/>
                <a:gd name="T25" fmla="*/ 168 h 590"/>
                <a:gd name="T26" fmla="*/ 315 w 584"/>
                <a:gd name="T27" fmla="*/ 439 h 590"/>
                <a:gd name="T28" fmla="*/ 179 w 584"/>
                <a:gd name="T29" fmla="*/ 408 h 59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584" h="590">
                  <a:moveTo>
                    <a:pt x="401" y="110"/>
                  </a:moveTo>
                  <a:cubicBezTo>
                    <a:pt x="449" y="175"/>
                    <a:pt x="460" y="212"/>
                    <a:pt x="460" y="272"/>
                  </a:cubicBezTo>
                  <a:cubicBezTo>
                    <a:pt x="460" y="325"/>
                    <a:pt x="444" y="367"/>
                    <a:pt x="415" y="397"/>
                  </a:cubicBezTo>
                  <a:cubicBezTo>
                    <a:pt x="250" y="0"/>
                    <a:pt x="250" y="0"/>
                    <a:pt x="250" y="0"/>
                  </a:cubicBezTo>
                  <a:cubicBezTo>
                    <a:pt x="189" y="9"/>
                    <a:pt x="134" y="32"/>
                    <a:pt x="92" y="68"/>
                  </a:cubicBezTo>
                  <a:cubicBezTo>
                    <a:pt x="32" y="120"/>
                    <a:pt x="0" y="197"/>
                    <a:pt x="0" y="291"/>
                  </a:cubicBezTo>
                  <a:cubicBezTo>
                    <a:pt x="0" y="462"/>
                    <a:pt x="126" y="590"/>
                    <a:pt x="292" y="590"/>
                  </a:cubicBezTo>
                  <a:cubicBezTo>
                    <a:pt x="462" y="590"/>
                    <a:pt x="584" y="462"/>
                    <a:pt x="584" y="274"/>
                  </a:cubicBezTo>
                  <a:cubicBezTo>
                    <a:pt x="584" y="169"/>
                    <a:pt x="534" y="62"/>
                    <a:pt x="476" y="12"/>
                  </a:cubicBezTo>
                  <a:lnTo>
                    <a:pt x="401" y="110"/>
                  </a:lnTo>
                  <a:close/>
                  <a:moveTo>
                    <a:pt x="179" y="408"/>
                  </a:moveTo>
                  <a:cubicBezTo>
                    <a:pt x="144" y="381"/>
                    <a:pt x="123" y="339"/>
                    <a:pt x="123" y="288"/>
                  </a:cubicBezTo>
                  <a:cubicBezTo>
                    <a:pt x="123" y="232"/>
                    <a:pt x="155" y="190"/>
                    <a:pt x="202" y="168"/>
                  </a:cubicBezTo>
                  <a:cubicBezTo>
                    <a:pt x="315" y="439"/>
                    <a:pt x="315" y="439"/>
                    <a:pt x="315" y="439"/>
                  </a:cubicBezTo>
                  <a:cubicBezTo>
                    <a:pt x="257" y="447"/>
                    <a:pt x="212" y="432"/>
                    <a:pt x="179" y="408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41" name="Freeform 32">
              <a:extLst>
                <a:ext uri="{FF2B5EF4-FFF2-40B4-BE49-F238E27FC236}">
                  <a16:creationId xmlns:a16="http://schemas.microsoft.com/office/drawing/2014/main" id="{BD807C55-B428-4E3A-A768-FF2F2AA578F6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7313961" y="1846404"/>
              <a:ext cx="319161" cy="221640"/>
            </a:xfrm>
            <a:custGeom>
              <a:avLst/>
              <a:gdLst>
                <a:gd name="T0" fmla="*/ 580 w 720"/>
                <a:gd name="T1" fmla="*/ 0 h 500"/>
                <a:gd name="T2" fmla="*/ 580 w 720"/>
                <a:gd name="T3" fmla="*/ 346 h 500"/>
                <a:gd name="T4" fmla="*/ 0 w 720"/>
                <a:gd name="T5" fmla="*/ 346 h 500"/>
                <a:gd name="T6" fmla="*/ 0 w 720"/>
                <a:gd name="T7" fmla="*/ 500 h 500"/>
                <a:gd name="T8" fmla="*/ 720 w 720"/>
                <a:gd name="T9" fmla="*/ 500 h 500"/>
                <a:gd name="T10" fmla="*/ 720 w 720"/>
                <a:gd name="T11" fmla="*/ 0 h 500"/>
                <a:gd name="T12" fmla="*/ 580 w 720"/>
                <a:gd name="T13" fmla="*/ 0 h 5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720" h="500">
                  <a:moveTo>
                    <a:pt x="580" y="0"/>
                  </a:moveTo>
                  <a:lnTo>
                    <a:pt x="580" y="346"/>
                  </a:lnTo>
                  <a:lnTo>
                    <a:pt x="0" y="346"/>
                  </a:lnTo>
                  <a:lnTo>
                    <a:pt x="0" y="500"/>
                  </a:lnTo>
                  <a:lnTo>
                    <a:pt x="720" y="500"/>
                  </a:lnTo>
                  <a:lnTo>
                    <a:pt x="720" y="0"/>
                  </a:lnTo>
                  <a:lnTo>
                    <a:pt x="580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42" name="Freeform 33">
              <a:extLst>
                <a:ext uri="{FF2B5EF4-FFF2-40B4-BE49-F238E27FC236}">
                  <a16:creationId xmlns:a16="http://schemas.microsoft.com/office/drawing/2014/main" id="{46FC01F6-5587-4701-B3C6-0DC2032CAECD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7383556" y="501936"/>
              <a:ext cx="253999" cy="263752"/>
            </a:xfrm>
            <a:custGeom>
              <a:avLst/>
              <a:gdLst>
                <a:gd name="T0" fmla="*/ 584 w 584"/>
                <a:gd name="T1" fmla="*/ 304 h 607"/>
                <a:gd name="T2" fmla="*/ 292 w 584"/>
                <a:gd name="T3" fmla="*/ 607 h 607"/>
                <a:gd name="T4" fmla="*/ 0 w 584"/>
                <a:gd name="T5" fmla="*/ 302 h 607"/>
                <a:gd name="T6" fmla="*/ 292 w 584"/>
                <a:gd name="T7" fmla="*/ 0 h 607"/>
                <a:gd name="T8" fmla="*/ 584 w 584"/>
                <a:gd name="T9" fmla="*/ 304 h 607"/>
                <a:gd name="T10" fmla="*/ 133 w 584"/>
                <a:gd name="T11" fmla="*/ 304 h 607"/>
                <a:gd name="T12" fmla="*/ 292 w 584"/>
                <a:gd name="T13" fmla="*/ 454 h 607"/>
                <a:gd name="T14" fmla="*/ 451 w 584"/>
                <a:gd name="T15" fmla="*/ 302 h 607"/>
                <a:gd name="T16" fmla="*/ 292 w 584"/>
                <a:gd name="T17" fmla="*/ 153 h 607"/>
                <a:gd name="T18" fmla="*/ 133 w 584"/>
                <a:gd name="T19" fmla="*/ 304 h 607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584" h="607">
                  <a:moveTo>
                    <a:pt x="584" y="304"/>
                  </a:moveTo>
                  <a:cubicBezTo>
                    <a:pt x="584" y="474"/>
                    <a:pt x="457" y="607"/>
                    <a:pt x="292" y="607"/>
                  </a:cubicBezTo>
                  <a:cubicBezTo>
                    <a:pt x="128" y="607"/>
                    <a:pt x="0" y="473"/>
                    <a:pt x="0" y="302"/>
                  </a:cubicBezTo>
                  <a:cubicBezTo>
                    <a:pt x="0" y="133"/>
                    <a:pt x="126" y="0"/>
                    <a:pt x="292" y="0"/>
                  </a:cubicBezTo>
                  <a:cubicBezTo>
                    <a:pt x="455" y="0"/>
                    <a:pt x="584" y="133"/>
                    <a:pt x="584" y="304"/>
                  </a:cubicBezTo>
                  <a:moveTo>
                    <a:pt x="133" y="304"/>
                  </a:moveTo>
                  <a:cubicBezTo>
                    <a:pt x="133" y="391"/>
                    <a:pt x="198" y="454"/>
                    <a:pt x="292" y="454"/>
                  </a:cubicBezTo>
                  <a:cubicBezTo>
                    <a:pt x="381" y="454"/>
                    <a:pt x="451" y="387"/>
                    <a:pt x="451" y="302"/>
                  </a:cubicBezTo>
                  <a:cubicBezTo>
                    <a:pt x="451" y="216"/>
                    <a:pt x="383" y="153"/>
                    <a:pt x="292" y="153"/>
                  </a:cubicBezTo>
                  <a:cubicBezTo>
                    <a:pt x="203" y="153"/>
                    <a:pt x="133" y="219"/>
                    <a:pt x="133" y="304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43" name="Freeform 34">
              <a:extLst>
                <a:ext uri="{FF2B5EF4-FFF2-40B4-BE49-F238E27FC236}">
                  <a16:creationId xmlns:a16="http://schemas.microsoft.com/office/drawing/2014/main" id="{DC296814-EEBB-47E4-A1CC-8645F51DA98F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7383556" y="1021017"/>
              <a:ext cx="253999" cy="263752"/>
            </a:xfrm>
            <a:custGeom>
              <a:avLst/>
              <a:gdLst>
                <a:gd name="T0" fmla="*/ 584 w 584"/>
                <a:gd name="T1" fmla="*/ 305 h 607"/>
                <a:gd name="T2" fmla="*/ 292 w 584"/>
                <a:gd name="T3" fmla="*/ 607 h 607"/>
                <a:gd name="T4" fmla="*/ 0 w 584"/>
                <a:gd name="T5" fmla="*/ 303 h 607"/>
                <a:gd name="T6" fmla="*/ 292 w 584"/>
                <a:gd name="T7" fmla="*/ 0 h 607"/>
                <a:gd name="T8" fmla="*/ 584 w 584"/>
                <a:gd name="T9" fmla="*/ 305 h 607"/>
                <a:gd name="T10" fmla="*/ 133 w 584"/>
                <a:gd name="T11" fmla="*/ 305 h 607"/>
                <a:gd name="T12" fmla="*/ 292 w 584"/>
                <a:gd name="T13" fmla="*/ 454 h 607"/>
                <a:gd name="T14" fmla="*/ 451 w 584"/>
                <a:gd name="T15" fmla="*/ 303 h 607"/>
                <a:gd name="T16" fmla="*/ 292 w 584"/>
                <a:gd name="T17" fmla="*/ 153 h 607"/>
                <a:gd name="T18" fmla="*/ 133 w 584"/>
                <a:gd name="T19" fmla="*/ 305 h 607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584" h="607">
                  <a:moveTo>
                    <a:pt x="584" y="305"/>
                  </a:moveTo>
                  <a:cubicBezTo>
                    <a:pt x="584" y="474"/>
                    <a:pt x="457" y="607"/>
                    <a:pt x="292" y="607"/>
                  </a:cubicBezTo>
                  <a:cubicBezTo>
                    <a:pt x="128" y="607"/>
                    <a:pt x="0" y="474"/>
                    <a:pt x="0" y="303"/>
                  </a:cubicBezTo>
                  <a:cubicBezTo>
                    <a:pt x="0" y="133"/>
                    <a:pt x="126" y="0"/>
                    <a:pt x="292" y="0"/>
                  </a:cubicBezTo>
                  <a:cubicBezTo>
                    <a:pt x="455" y="0"/>
                    <a:pt x="584" y="134"/>
                    <a:pt x="584" y="305"/>
                  </a:cubicBezTo>
                  <a:moveTo>
                    <a:pt x="133" y="305"/>
                  </a:moveTo>
                  <a:cubicBezTo>
                    <a:pt x="133" y="391"/>
                    <a:pt x="198" y="454"/>
                    <a:pt x="292" y="454"/>
                  </a:cubicBezTo>
                  <a:cubicBezTo>
                    <a:pt x="381" y="454"/>
                    <a:pt x="451" y="388"/>
                    <a:pt x="451" y="303"/>
                  </a:cubicBezTo>
                  <a:cubicBezTo>
                    <a:pt x="451" y="216"/>
                    <a:pt x="383" y="153"/>
                    <a:pt x="292" y="153"/>
                  </a:cubicBezTo>
                  <a:cubicBezTo>
                    <a:pt x="203" y="153"/>
                    <a:pt x="133" y="220"/>
                    <a:pt x="133" y="305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grpSp>
        <p:nvGrpSpPr>
          <p:cNvPr id="53" name="Group 52">
            <a:extLst>
              <a:ext uri="{FF2B5EF4-FFF2-40B4-BE49-F238E27FC236}">
                <a16:creationId xmlns:a16="http://schemas.microsoft.com/office/drawing/2014/main" id="{80CD9248-0A2C-4050-B347-2980229F11A8}"/>
              </a:ext>
            </a:extLst>
          </p:cNvPr>
          <p:cNvGrpSpPr/>
          <p:nvPr userDrawn="1"/>
        </p:nvGrpSpPr>
        <p:grpSpPr>
          <a:xfrm>
            <a:off x="1154741" y="3561907"/>
            <a:ext cx="7851377" cy="1769127"/>
            <a:chOff x="541049" y="2649538"/>
            <a:chExt cx="9285724" cy="2092325"/>
          </a:xfrm>
          <a:solidFill>
            <a:schemeClr val="bg1"/>
          </a:solidFill>
        </p:grpSpPr>
        <p:sp>
          <p:nvSpPr>
            <p:cNvPr id="54" name="Freeform 5">
              <a:extLst>
                <a:ext uri="{FF2B5EF4-FFF2-40B4-BE49-F238E27FC236}">
                  <a16:creationId xmlns:a16="http://schemas.microsoft.com/office/drawing/2014/main" id="{99FEE917-CD84-4C97-B4F9-73DFE2A473DA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541049" y="2809876"/>
              <a:ext cx="963613" cy="1928813"/>
            </a:xfrm>
            <a:custGeom>
              <a:avLst/>
              <a:gdLst>
                <a:gd name="T0" fmla="*/ 57 w 301"/>
                <a:gd name="T1" fmla="*/ 458 h 600"/>
                <a:gd name="T2" fmla="*/ 57 w 301"/>
                <a:gd name="T3" fmla="*/ 235 h 600"/>
                <a:gd name="T4" fmla="*/ 0 w 301"/>
                <a:gd name="T5" fmla="*/ 235 h 600"/>
                <a:gd name="T6" fmla="*/ 0 w 301"/>
                <a:gd name="T7" fmla="*/ 121 h 600"/>
                <a:gd name="T8" fmla="*/ 57 w 301"/>
                <a:gd name="T9" fmla="*/ 121 h 600"/>
                <a:gd name="T10" fmla="*/ 57 w 301"/>
                <a:gd name="T11" fmla="*/ 0 h 600"/>
                <a:gd name="T12" fmla="*/ 190 w 301"/>
                <a:gd name="T13" fmla="*/ 0 h 600"/>
                <a:gd name="T14" fmla="*/ 190 w 301"/>
                <a:gd name="T15" fmla="*/ 121 h 600"/>
                <a:gd name="T16" fmla="*/ 301 w 301"/>
                <a:gd name="T17" fmla="*/ 121 h 600"/>
                <a:gd name="T18" fmla="*/ 301 w 301"/>
                <a:gd name="T19" fmla="*/ 235 h 600"/>
                <a:gd name="T20" fmla="*/ 190 w 301"/>
                <a:gd name="T21" fmla="*/ 235 h 600"/>
                <a:gd name="T22" fmla="*/ 190 w 301"/>
                <a:gd name="T23" fmla="*/ 436 h 600"/>
                <a:gd name="T24" fmla="*/ 233 w 301"/>
                <a:gd name="T25" fmla="*/ 482 h 600"/>
                <a:gd name="T26" fmla="*/ 299 w 301"/>
                <a:gd name="T27" fmla="*/ 465 h 600"/>
                <a:gd name="T28" fmla="*/ 299 w 301"/>
                <a:gd name="T29" fmla="*/ 573 h 600"/>
                <a:gd name="T30" fmla="*/ 194 w 301"/>
                <a:gd name="T31" fmla="*/ 600 h 600"/>
                <a:gd name="T32" fmla="*/ 57 w 301"/>
                <a:gd name="T33" fmla="*/ 458 h 6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</a:cxnLst>
              <a:rect l="0" t="0" r="r" b="b"/>
              <a:pathLst>
                <a:path w="301" h="600">
                  <a:moveTo>
                    <a:pt x="57" y="458"/>
                  </a:moveTo>
                  <a:cubicBezTo>
                    <a:pt x="57" y="235"/>
                    <a:pt x="57" y="235"/>
                    <a:pt x="57" y="235"/>
                  </a:cubicBezTo>
                  <a:cubicBezTo>
                    <a:pt x="0" y="235"/>
                    <a:pt x="0" y="235"/>
                    <a:pt x="0" y="235"/>
                  </a:cubicBezTo>
                  <a:cubicBezTo>
                    <a:pt x="0" y="121"/>
                    <a:pt x="0" y="121"/>
                    <a:pt x="0" y="121"/>
                  </a:cubicBezTo>
                  <a:cubicBezTo>
                    <a:pt x="57" y="121"/>
                    <a:pt x="57" y="121"/>
                    <a:pt x="57" y="121"/>
                  </a:cubicBezTo>
                  <a:cubicBezTo>
                    <a:pt x="57" y="0"/>
                    <a:pt x="57" y="0"/>
                    <a:pt x="57" y="0"/>
                  </a:cubicBezTo>
                  <a:cubicBezTo>
                    <a:pt x="190" y="0"/>
                    <a:pt x="190" y="0"/>
                    <a:pt x="190" y="0"/>
                  </a:cubicBezTo>
                  <a:cubicBezTo>
                    <a:pt x="190" y="121"/>
                    <a:pt x="190" y="121"/>
                    <a:pt x="190" y="121"/>
                  </a:cubicBezTo>
                  <a:cubicBezTo>
                    <a:pt x="301" y="121"/>
                    <a:pt x="301" y="121"/>
                    <a:pt x="301" y="121"/>
                  </a:cubicBezTo>
                  <a:cubicBezTo>
                    <a:pt x="301" y="235"/>
                    <a:pt x="301" y="235"/>
                    <a:pt x="301" y="235"/>
                  </a:cubicBezTo>
                  <a:cubicBezTo>
                    <a:pt x="190" y="235"/>
                    <a:pt x="190" y="235"/>
                    <a:pt x="190" y="235"/>
                  </a:cubicBezTo>
                  <a:cubicBezTo>
                    <a:pt x="190" y="436"/>
                    <a:pt x="190" y="436"/>
                    <a:pt x="190" y="436"/>
                  </a:cubicBezTo>
                  <a:cubicBezTo>
                    <a:pt x="190" y="467"/>
                    <a:pt x="203" y="482"/>
                    <a:pt x="233" y="482"/>
                  </a:cubicBezTo>
                  <a:cubicBezTo>
                    <a:pt x="258" y="482"/>
                    <a:pt x="280" y="476"/>
                    <a:pt x="299" y="465"/>
                  </a:cubicBezTo>
                  <a:cubicBezTo>
                    <a:pt x="299" y="573"/>
                    <a:pt x="299" y="573"/>
                    <a:pt x="299" y="573"/>
                  </a:cubicBezTo>
                  <a:cubicBezTo>
                    <a:pt x="271" y="590"/>
                    <a:pt x="239" y="600"/>
                    <a:pt x="194" y="600"/>
                  </a:cubicBezTo>
                  <a:cubicBezTo>
                    <a:pt x="112" y="600"/>
                    <a:pt x="57" y="568"/>
                    <a:pt x="57" y="458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5" name="Freeform 6">
              <a:extLst>
                <a:ext uri="{FF2B5EF4-FFF2-40B4-BE49-F238E27FC236}">
                  <a16:creationId xmlns:a16="http://schemas.microsoft.com/office/drawing/2014/main" id="{78C9364A-BFFF-4F94-9D90-8A71731D6352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1708151" y="2649538"/>
              <a:ext cx="1382713" cy="2063750"/>
            </a:xfrm>
            <a:custGeom>
              <a:avLst/>
              <a:gdLst>
                <a:gd name="T0" fmla="*/ 0 w 432"/>
                <a:gd name="T1" fmla="*/ 0 h 642"/>
                <a:gd name="T2" fmla="*/ 134 w 432"/>
                <a:gd name="T3" fmla="*/ 0 h 642"/>
                <a:gd name="T4" fmla="*/ 134 w 432"/>
                <a:gd name="T5" fmla="*/ 237 h 642"/>
                <a:gd name="T6" fmla="*/ 272 w 432"/>
                <a:gd name="T7" fmla="*/ 162 h 642"/>
                <a:gd name="T8" fmla="*/ 432 w 432"/>
                <a:gd name="T9" fmla="*/ 337 h 642"/>
                <a:gd name="T10" fmla="*/ 432 w 432"/>
                <a:gd name="T11" fmla="*/ 642 h 642"/>
                <a:gd name="T12" fmla="*/ 298 w 432"/>
                <a:gd name="T13" fmla="*/ 642 h 642"/>
                <a:gd name="T14" fmla="*/ 298 w 432"/>
                <a:gd name="T15" fmla="*/ 379 h 642"/>
                <a:gd name="T16" fmla="*/ 218 w 432"/>
                <a:gd name="T17" fmla="*/ 283 h 642"/>
                <a:gd name="T18" fmla="*/ 134 w 432"/>
                <a:gd name="T19" fmla="*/ 379 h 642"/>
                <a:gd name="T20" fmla="*/ 134 w 432"/>
                <a:gd name="T21" fmla="*/ 642 h 642"/>
                <a:gd name="T22" fmla="*/ 0 w 432"/>
                <a:gd name="T23" fmla="*/ 642 h 642"/>
                <a:gd name="T24" fmla="*/ 0 w 432"/>
                <a:gd name="T25" fmla="*/ 0 h 642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432" h="642">
                  <a:moveTo>
                    <a:pt x="0" y="0"/>
                  </a:moveTo>
                  <a:cubicBezTo>
                    <a:pt x="134" y="0"/>
                    <a:pt x="134" y="0"/>
                    <a:pt x="134" y="0"/>
                  </a:cubicBezTo>
                  <a:cubicBezTo>
                    <a:pt x="134" y="237"/>
                    <a:pt x="134" y="237"/>
                    <a:pt x="134" y="237"/>
                  </a:cubicBezTo>
                  <a:cubicBezTo>
                    <a:pt x="165" y="198"/>
                    <a:pt x="204" y="162"/>
                    <a:pt x="272" y="162"/>
                  </a:cubicBezTo>
                  <a:cubicBezTo>
                    <a:pt x="373" y="162"/>
                    <a:pt x="432" y="229"/>
                    <a:pt x="432" y="337"/>
                  </a:cubicBezTo>
                  <a:cubicBezTo>
                    <a:pt x="432" y="642"/>
                    <a:pt x="432" y="642"/>
                    <a:pt x="432" y="642"/>
                  </a:cubicBezTo>
                  <a:cubicBezTo>
                    <a:pt x="298" y="642"/>
                    <a:pt x="298" y="642"/>
                    <a:pt x="298" y="642"/>
                  </a:cubicBezTo>
                  <a:cubicBezTo>
                    <a:pt x="298" y="379"/>
                    <a:pt x="298" y="379"/>
                    <a:pt x="298" y="379"/>
                  </a:cubicBezTo>
                  <a:cubicBezTo>
                    <a:pt x="298" y="316"/>
                    <a:pt x="269" y="283"/>
                    <a:pt x="218" y="283"/>
                  </a:cubicBezTo>
                  <a:cubicBezTo>
                    <a:pt x="166" y="283"/>
                    <a:pt x="134" y="316"/>
                    <a:pt x="134" y="379"/>
                  </a:cubicBezTo>
                  <a:cubicBezTo>
                    <a:pt x="134" y="642"/>
                    <a:pt x="134" y="642"/>
                    <a:pt x="134" y="642"/>
                  </a:cubicBezTo>
                  <a:cubicBezTo>
                    <a:pt x="0" y="642"/>
                    <a:pt x="0" y="642"/>
                    <a:pt x="0" y="642"/>
                  </a:cubicBezTo>
                  <a:lnTo>
                    <a:pt x="0" y="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6" name="Freeform 7">
              <a:extLst>
                <a:ext uri="{FF2B5EF4-FFF2-40B4-BE49-F238E27FC236}">
                  <a16:creationId xmlns:a16="http://schemas.microsoft.com/office/drawing/2014/main" id="{E572E624-9DE1-4F42-A7F5-36B7B8A2F63B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3261304" y="3179763"/>
              <a:ext cx="1390650" cy="1562100"/>
            </a:xfrm>
            <a:custGeom>
              <a:avLst/>
              <a:gdLst>
                <a:gd name="T0" fmla="*/ 0 w 434"/>
                <a:gd name="T1" fmla="*/ 342 h 486"/>
                <a:gd name="T2" fmla="*/ 0 w 434"/>
                <a:gd name="T3" fmla="*/ 340 h 486"/>
                <a:gd name="T4" fmla="*/ 190 w 434"/>
                <a:gd name="T5" fmla="*/ 189 h 486"/>
                <a:gd name="T6" fmla="*/ 305 w 434"/>
                <a:gd name="T7" fmla="*/ 209 h 486"/>
                <a:gd name="T8" fmla="*/ 305 w 434"/>
                <a:gd name="T9" fmla="*/ 201 h 486"/>
                <a:gd name="T10" fmla="*/ 204 w 434"/>
                <a:gd name="T11" fmla="*/ 115 h 486"/>
                <a:gd name="T12" fmla="*/ 74 w 434"/>
                <a:gd name="T13" fmla="*/ 140 h 486"/>
                <a:gd name="T14" fmla="*/ 40 w 434"/>
                <a:gd name="T15" fmla="*/ 38 h 486"/>
                <a:gd name="T16" fmla="*/ 223 w 434"/>
                <a:gd name="T17" fmla="*/ 0 h 486"/>
                <a:gd name="T18" fmla="*/ 383 w 434"/>
                <a:gd name="T19" fmla="*/ 53 h 486"/>
                <a:gd name="T20" fmla="*/ 434 w 434"/>
                <a:gd name="T21" fmla="*/ 204 h 486"/>
                <a:gd name="T22" fmla="*/ 434 w 434"/>
                <a:gd name="T23" fmla="*/ 477 h 486"/>
                <a:gd name="T24" fmla="*/ 304 w 434"/>
                <a:gd name="T25" fmla="*/ 477 h 486"/>
                <a:gd name="T26" fmla="*/ 304 w 434"/>
                <a:gd name="T27" fmla="*/ 426 h 486"/>
                <a:gd name="T28" fmla="*/ 162 w 434"/>
                <a:gd name="T29" fmla="*/ 486 h 486"/>
                <a:gd name="T30" fmla="*/ 0 w 434"/>
                <a:gd name="T31" fmla="*/ 342 h 486"/>
                <a:gd name="T32" fmla="*/ 307 w 434"/>
                <a:gd name="T33" fmla="*/ 311 h 486"/>
                <a:gd name="T34" fmla="*/ 307 w 434"/>
                <a:gd name="T35" fmla="*/ 287 h 486"/>
                <a:gd name="T36" fmla="*/ 222 w 434"/>
                <a:gd name="T37" fmla="*/ 270 h 486"/>
                <a:gd name="T38" fmla="*/ 129 w 434"/>
                <a:gd name="T39" fmla="*/ 335 h 486"/>
                <a:gd name="T40" fmla="*/ 129 w 434"/>
                <a:gd name="T41" fmla="*/ 336 h 486"/>
                <a:gd name="T42" fmla="*/ 202 w 434"/>
                <a:gd name="T43" fmla="*/ 394 h 486"/>
                <a:gd name="T44" fmla="*/ 307 w 434"/>
                <a:gd name="T45" fmla="*/ 311 h 486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</a:cxnLst>
              <a:rect l="0" t="0" r="r" b="b"/>
              <a:pathLst>
                <a:path w="434" h="486">
                  <a:moveTo>
                    <a:pt x="0" y="342"/>
                  </a:moveTo>
                  <a:cubicBezTo>
                    <a:pt x="0" y="340"/>
                    <a:pt x="0" y="340"/>
                    <a:pt x="0" y="340"/>
                  </a:cubicBezTo>
                  <a:cubicBezTo>
                    <a:pt x="0" y="237"/>
                    <a:pt x="78" y="189"/>
                    <a:pt x="190" y="189"/>
                  </a:cubicBezTo>
                  <a:cubicBezTo>
                    <a:pt x="237" y="189"/>
                    <a:pt x="272" y="197"/>
                    <a:pt x="305" y="209"/>
                  </a:cubicBezTo>
                  <a:cubicBezTo>
                    <a:pt x="305" y="201"/>
                    <a:pt x="305" y="201"/>
                    <a:pt x="305" y="201"/>
                  </a:cubicBezTo>
                  <a:cubicBezTo>
                    <a:pt x="305" y="145"/>
                    <a:pt x="271" y="115"/>
                    <a:pt x="204" y="115"/>
                  </a:cubicBezTo>
                  <a:cubicBezTo>
                    <a:pt x="153" y="115"/>
                    <a:pt x="117" y="124"/>
                    <a:pt x="74" y="140"/>
                  </a:cubicBezTo>
                  <a:cubicBezTo>
                    <a:pt x="40" y="38"/>
                    <a:pt x="40" y="38"/>
                    <a:pt x="40" y="38"/>
                  </a:cubicBezTo>
                  <a:cubicBezTo>
                    <a:pt x="92" y="15"/>
                    <a:pt x="143" y="0"/>
                    <a:pt x="223" y="0"/>
                  </a:cubicBezTo>
                  <a:cubicBezTo>
                    <a:pt x="296" y="0"/>
                    <a:pt x="349" y="20"/>
                    <a:pt x="383" y="53"/>
                  </a:cubicBezTo>
                  <a:cubicBezTo>
                    <a:pt x="418" y="88"/>
                    <a:pt x="434" y="140"/>
                    <a:pt x="434" y="204"/>
                  </a:cubicBezTo>
                  <a:cubicBezTo>
                    <a:pt x="434" y="477"/>
                    <a:pt x="434" y="477"/>
                    <a:pt x="434" y="477"/>
                  </a:cubicBezTo>
                  <a:cubicBezTo>
                    <a:pt x="304" y="477"/>
                    <a:pt x="304" y="477"/>
                    <a:pt x="304" y="477"/>
                  </a:cubicBezTo>
                  <a:cubicBezTo>
                    <a:pt x="304" y="426"/>
                    <a:pt x="304" y="426"/>
                    <a:pt x="304" y="426"/>
                  </a:cubicBezTo>
                  <a:cubicBezTo>
                    <a:pt x="272" y="462"/>
                    <a:pt x="227" y="486"/>
                    <a:pt x="162" y="486"/>
                  </a:cubicBezTo>
                  <a:cubicBezTo>
                    <a:pt x="73" y="486"/>
                    <a:pt x="0" y="435"/>
                    <a:pt x="0" y="342"/>
                  </a:cubicBezTo>
                  <a:close/>
                  <a:moveTo>
                    <a:pt x="307" y="311"/>
                  </a:moveTo>
                  <a:cubicBezTo>
                    <a:pt x="307" y="287"/>
                    <a:pt x="307" y="287"/>
                    <a:pt x="307" y="287"/>
                  </a:cubicBezTo>
                  <a:cubicBezTo>
                    <a:pt x="284" y="277"/>
                    <a:pt x="254" y="270"/>
                    <a:pt x="222" y="270"/>
                  </a:cubicBezTo>
                  <a:cubicBezTo>
                    <a:pt x="164" y="270"/>
                    <a:pt x="129" y="292"/>
                    <a:pt x="129" y="335"/>
                  </a:cubicBezTo>
                  <a:cubicBezTo>
                    <a:pt x="129" y="336"/>
                    <a:pt x="129" y="336"/>
                    <a:pt x="129" y="336"/>
                  </a:cubicBezTo>
                  <a:cubicBezTo>
                    <a:pt x="129" y="372"/>
                    <a:pt x="159" y="394"/>
                    <a:pt x="202" y="394"/>
                  </a:cubicBezTo>
                  <a:cubicBezTo>
                    <a:pt x="265" y="394"/>
                    <a:pt x="307" y="359"/>
                    <a:pt x="307" y="311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7" name="Freeform 8">
              <a:extLst>
                <a:ext uri="{FF2B5EF4-FFF2-40B4-BE49-F238E27FC236}">
                  <a16:creationId xmlns:a16="http://schemas.microsoft.com/office/drawing/2014/main" id="{DD8A238C-0295-48D1-8872-FE51165DDEE4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4859916" y="3170238"/>
              <a:ext cx="1384300" cy="1543050"/>
            </a:xfrm>
            <a:custGeom>
              <a:avLst/>
              <a:gdLst>
                <a:gd name="T0" fmla="*/ 0 w 432"/>
                <a:gd name="T1" fmla="*/ 9 h 480"/>
                <a:gd name="T2" fmla="*/ 133 w 432"/>
                <a:gd name="T3" fmla="*/ 9 h 480"/>
                <a:gd name="T4" fmla="*/ 133 w 432"/>
                <a:gd name="T5" fmla="*/ 75 h 480"/>
                <a:gd name="T6" fmla="*/ 272 w 432"/>
                <a:gd name="T7" fmla="*/ 0 h 480"/>
                <a:gd name="T8" fmla="*/ 432 w 432"/>
                <a:gd name="T9" fmla="*/ 175 h 480"/>
                <a:gd name="T10" fmla="*/ 432 w 432"/>
                <a:gd name="T11" fmla="*/ 480 h 480"/>
                <a:gd name="T12" fmla="*/ 298 w 432"/>
                <a:gd name="T13" fmla="*/ 480 h 480"/>
                <a:gd name="T14" fmla="*/ 298 w 432"/>
                <a:gd name="T15" fmla="*/ 217 h 480"/>
                <a:gd name="T16" fmla="*/ 217 w 432"/>
                <a:gd name="T17" fmla="*/ 121 h 480"/>
                <a:gd name="T18" fmla="*/ 133 w 432"/>
                <a:gd name="T19" fmla="*/ 217 h 480"/>
                <a:gd name="T20" fmla="*/ 133 w 432"/>
                <a:gd name="T21" fmla="*/ 480 h 480"/>
                <a:gd name="T22" fmla="*/ 0 w 432"/>
                <a:gd name="T23" fmla="*/ 480 h 480"/>
                <a:gd name="T24" fmla="*/ 0 w 432"/>
                <a:gd name="T25" fmla="*/ 9 h 48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432" h="480">
                  <a:moveTo>
                    <a:pt x="0" y="9"/>
                  </a:moveTo>
                  <a:cubicBezTo>
                    <a:pt x="133" y="9"/>
                    <a:pt x="133" y="9"/>
                    <a:pt x="133" y="9"/>
                  </a:cubicBezTo>
                  <a:cubicBezTo>
                    <a:pt x="133" y="75"/>
                    <a:pt x="133" y="75"/>
                    <a:pt x="133" y="75"/>
                  </a:cubicBezTo>
                  <a:cubicBezTo>
                    <a:pt x="164" y="36"/>
                    <a:pt x="204" y="0"/>
                    <a:pt x="272" y="0"/>
                  </a:cubicBezTo>
                  <a:cubicBezTo>
                    <a:pt x="373" y="0"/>
                    <a:pt x="432" y="67"/>
                    <a:pt x="432" y="175"/>
                  </a:cubicBezTo>
                  <a:cubicBezTo>
                    <a:pt x="432" y="480"/>
                    <a:pt x="432" y="480"/>
                    <a:pt x="432" y="480"/>
                  </a:cubicBezTo>
                  <a:cubicBezTo>
                    <a:pt x="298" y="480"/>
                    <a:pt x="298" y="480"/>
                    <a:pt x="298" y="480"/>
                  </a:cubicBezTo>
                  <a:cubicBezTo>
                    <a:pt x="298" y="217"/>
                    <a:pt x="298" y="217"/>
                    <a:pt x="298" y="217"/>
                  </a:cubicBezTo>
                  <a:cubicBezTo>
                    <a:pt x="298" y="154"/>
                    <a:pt x="268" y="121"/>
                    <a:pt x="217" y="121"/>
                  </a:cubicBezTo>
                  <a:cubicBezTo>
                    <a:pt x="166" y="121"/>
                    <a:pt x="133" y="154"/>
                    <a:pt x="133" y="217"/>
                  </a:cubicBezTo>
                  <a:cubicBezTo>
                    <a:pt x="133" y="480"/>
                    <a:pt x="133" y="480"/>
                    <a:pt x="133" y="480"/>
                  </a:cubicBezTo>
                  <a:cubicBezTo>
                    <a:pt x="0" y="480"/>
                    <a:pt x="0" y="480"/>
                    <a:pt x="0" y="480"/>
                  </a:cubicBezTo>
                  <a:lnTo>
                    <a:pt x="0" y="9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8" name="Freeform 9">
              <a:extLst>
                <a:ext uri="{FF2B5EF4-FFF2-40B4-BE49-F238E27FC236}">
                  <a16:creationId xmlns:a16="http://schemas.microsoft.com/office/drawing/2014/main" id="{6849E95A-0C53-4220-85E0-6DFCEA7D1C44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6436593" y="2649538"/>
              <a:ext cx="1460500" cy="2063750"/>
            </a:xfrm>
            <a:custGeom>
              <a:avLst/>
              <a:gdLst>
                <a:gd name="T0" fmla="*/ 0 w 920"/>
                <a:gd name="T1" fmla="*/ 0 h 1300"/>
                <a:gd name="T2" fmla="*/ 270 w 920"/>
                <a:gd name="T3" fmla="*/ 0 h 1300"/>
                <a:gd name="T4" fmla="*/ 270 w 920"/>
                <a:gd name="T5" fmla="*/ 692 h 1300"/>
                <a:gd name="T6" fmla="*/ 585 w 920"/>
                <a:gd name="T7" fmla="*/ 346 h 1300"/>
                <a:gd name="T8" fmla="*/ 908 w 920"/>
                <a:gd name="T9" fmla="*/ 346 h 1300"/>
                <a:gd name="T10" fmla="*/ 547 w 920"/>
                <a:gd name="T11" fmla="*/ 721 h 1300"/>
                <a:gd name="T12" fmla="*/ 920 w 920"/>
                <a:gd name="T13" fmla="*/ 1300 h 1300"/>
                <a:gd name="T14" fmla="*/ 609 w 920"/>
                <a:gd name="T15" fmla="*/ 1300 h 1300"/>
                <a:gd name="T16" fmla="*/ 365 w 920"/>
                <a:gd name="T17" fmla="*/ 909 h 1300"/>
                <a:gd name="T18" fmla="*/ 270 w 920"/>
                <a:gd name="T19" fmla="*/ 1010 h 1300"/>
                <a:gd name="T20" fmla="*/ 270 w 920"/>
                <a:gd name="T21" fmla="*/ 1300 h 1300"/>
                <a:gd name="T22" fmla="*/ 0 w 920"/>
                <a:gd name="T23" fmla="*/ 1300 h 1300"/>
                <a:gd name="T24" fmla="*/ 0 w 920"/>
                <a:gd name="T25" fmla="*/ 0 h 130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</a:cxnLst>
              <a:rect l="0" t="0" r="r" b="b"/>
              <a:pathLst>
                <a:path w="920" h="1300">
                  <a:moveTo>
                    <a:pt x="0" y="0"/>
                  </a:moveTo>
                  <a:lnTo>
                    <a:pt x="270" y="0"/>
                  </a:lnTo>
                  <a:lnTo>
                    <a:pt x="270" y="692"/>
                  </a:lnTo>
                  <a:lnTo>
                    <a:pt x="585" y="346"/>
                  </a:lnTo>
                  <a:lnTo>
                    <a:pt x="908" y="346"/>
                  </a:lnTo>
                  <a:lnTo>
                    <a:pt x="547" y="721"/>
                  </a:lnTo>
                  <a:lnTo>
                    <a:pt x="920" y="1300"/>
                  </a:lnTo>
                  <a:lnTo>
                    <a:pt x="609" y="1300"/>
                  </a:lnTo>
                  <a:lnTo>
                    <a:pt x="365" y="909"/>
                  </a:lnTo>
                  <a:lnTo>
                    <a:pt x="270" y="1010"/>
                  </a:lnTo>
                  <a:lnTo>
                    <a:pt x="270" y="1300"/>
                  </a:lnTo>
                  <a:lnTo>
                    <a:pt x="0" y="1300"/>
                  </a:lnTo>
                  <a:lnTo>
                    <a:pt x="0" y="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59" name="Freeform 10">
              <a:extLst>
                <a:ext uri="{FF2B5EF4-FFF2-40B4-BE49-F238E27FC236}">
                  <a16:creationId xmlns:a16="http://schemas.microsoft.com/office/drawing/2014/main" id="{056EAF60-5381-416A-895C-D1FAED9FDFFF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7919896" y="3173413"/>
              <a:ext cx="1227138" cy="1568450"/>
            </a:xfrm>
            <a:custGeom>
              <a:avLst/>
              <a:gdLst>
                <a:gd name="T0" fmla="*/ 0 w 383"/>
                <a:gd name="T1" fmla="*/ 417 h 488"/>
                <a:gd name="T2" fmla="*/ 57 w 383"/>
                <a:gd name="T3" fmla="*/ 329 h 488"/>
                <a:gd name="T4" fmla="*/ 206 w 383"/>
                <a:gd name="T5" fmla="*/ 385 h 488"/>
                <a:gd name="T6" fmla="*/ 262 w 383"/>
                <a:gd name="T7" fmla="*/ 350 h 488"/>
                <a:gd name="T8" fmla="*/ 262 w 383"/>
                <a:gd name="T9" fmla="*/ 348 h 488"/>
                <a:gd name="T10" fmla="*/ 165 w 383"/>
                <a:gd name="T11" fmla="*/ 294 h 488"/>
                <a:gd name="T12" fmla="*/ 24 w 383"/>
                <a:gd name="T13" fmla="*/ 152 h 488"/>
                <a:gd name="T14" fmla="*/ 24 w 383"/>
                <a:gd name="T15" fmla="*/ 150 h 488"/>
                <a:gd name="T16" fmla="*/ 196 w 383"/>
                <a:gd name="T17" fmla="*/ 0 h 488"/>
                <a:gd name="T18" fmla="*/ 372 w 383"/>
                <a:gd name="T19" fmla="*/ 55 h 488"/>
                <a:gd name="T20" fmla="*/ 321 w 383"/>
                <a:gd name="T21" fmla="*/ 147 h 488"/>
                <a:gd name="T22" fmla="*/ 194 w 383"/>
                <a:gd name="T23" fmla="*/ 103 h 488"/>
                <a:gd name="T24" fmla="*/ 144 w 383"/>
                <a:gd name="T25" fmla="*/ 136 h 488"/>
                <a:gd name="T26" fmla="*/ 144 w 383"/>
                <a:gd name="T27" fmla="*/ 138 h 488"/>
                <a:gd name="T28" fmla="*/ 240 w 383"/>
                <a:gd name="T29" fmla="*/ 194 h 488"/>
                <a:gd name="T30" fmla="*/ 383 w 383"/>
                <a:gd name="T31" fmla="*/ 334 h 488"/>
                <a:gd name="T32" fmla="*/ 383 w 383"/>
                <a:gd name="T33" fmla="*/ 336 h 488"/>
                <a:gd name="T34" fmla="*/ 203 w 383"/>
                <a:gd name="T35" fmla="*/ 488 h 488"/>
                <a:gd name="T36" fmla="*/ 0 w 383"/>
                <a:gd name="T37" fmla="*/ 417 h 48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</a:cxnLst>
              <a:rect l="0" t="0" r="r" b="b"/>
              <a:pathLst>
                <a:path w="383" h="488">
                  <a:moveTo>
                    <a:pt x="0" y="417"/>
                  </a:moveTo>
                  <a:cubicBezTo>
                    <a:pt x="57" y="329"/>
                    <a:pt x="57" y="329"/>
                    <a:pt x="57" y="329"/>
                  </a:cubicBezTo>
                  <a:cubicBezTo>
                    <a:pt x="108" y="366"/>
                    <a:pt x="162" y="385"/>
                    <a:pt x="206" y="385"/>
                  </a:cubicBezTo>
                  <a:cubicBezTo>
                    <a:pt x="245" y="385"/>
                    <a:pt x="262" y="371"/>
                    <a:pt x="262" y="350"/>
                  </a:cubicBezTo>
                  <a:cubicBezTo>
                    <a:pt x="262" y="348"/>
                    <a:pt x="262" y="348"/>
                    <a:pt x="262" y="348"/>
                  </a:cubicBezTo>
                  <a:cubicBezTo>
                    <a:pt x="262" y="319"/>
                    <a:pt x="217" y="309"/>
                    <a:pt x="165" y="294"/>
                  </a:cubicBezTo>
                  <a:cubicBezTo>
                    <a:pt x="99" y="274"/>
                    <a:pt x="24" y="243"/>
                    <a:pt x="24" y="152"/>
                  </a:cubicBezTo>
                  <a:cubicBezTo>
                    <a:pt x="24" y="150"/>
                    <a:pt x="24" y="150"/>
                    <a:pt x="24" y="150"/>
                  </a:cubicBezTo>
                  <a:cubicBezTo>
                    <a:pt x="24" y="54"/>
                    <a:pt x="101" y="0"/>
                    <a:pt x="196" y="0"/>
                  </a:cubicBezTo>
                  <a:cubicBezTo>
                    <a:pt x="256" y="0"/>
                    <a:pt x="321" y="21"/>
                    <a:pt x="372" y="55"/>
                  </a:cubicBezTo>
                  <a:cubicBezTo>
                    <a:pt x="321" y="147"/>
                    <a:pt x="321" y="147"/>
                    <a:pt x="321" y="147"/>
                  </a:cubicBezTo>
                  <a:cubicBezTo>
                    <a:pt x="275" y="120"/>
                    <a:pt x="228" y="103"/>
                    <a:pt x="194" y="103"/>
                  </a:cubicBezTo>
                  <a:cubicBezTo>
                    <a:pt x="161" y="103"/>
                    <a:pt x="144" y="118"/>
                    <a:pt x="144" y="136"/>
                  </a:cubicBezTo>
                  <a:cubicBezTo>
                    <a:pt x="144" y="138"/>
                    <a:pt x="144" y="138"/>
                    <a:pt x="144" y="138"/>
                  </a:cubicBezTo>
                  <a:cubicBezTo>
                    <a:pt x="144" y="164"/>
                    <a:pt x="189" y="176"/>
                    <a:pt x="240" y="194"/>
                  </a:cubicBezTo>
                  <a:cubicBezTo>
                    <a:pt x="306" y="216"/>
                    <a:pt x="383" y="248"/>
                    <a:pt x="383" y="334"/>
                  </a:cubicBezTo>
                  <a:cubicBezTo>
                    <a:pt x="383" y="336"/>
                    <a:pt x="383" y="336"/>
                    <a:pt x="383" y="336"/>
                  </a:cubicBezTo>
                  <a:cubicBezTo>
                    <a:pt x="383" y="440"/>
                    <a:pt x="305" y="488"/>
                    <a:pt x="203" y="488"/>
                  </a:cubicBezTo>
                  <a:cubicBezTo>
                    <a:pt x="137" y="488"/>
                    <a:pt x="63" y="466"/>
                    <a:pt x="0" y="417"/>
                  </a:cubicBez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60" name="Oval 11">
              <a:extLst>
                <a:ext uri="{FF2B5EF4-FFF2-40B4-BE49-F238E27FC236}">
                  <a16:creationId xmlns:a16="http://schemas.microsoft.com/office/drawing/2014/main" id="{0154DA0C-208D-4580-AFAD-81B221FB1EE9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9282260" y="4167188"/>
              <a:ext cx="544513" cy="546100"/>
            </a:xfrm>
            <a:prstGeom prst="ellipse">
              <a:avLst/>
            </a:pr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</p:spTree>
    <p:extLst>
      <p:ext uri="{BB962C8B-B14F-4D97-AF65-F5344CB8AC3E}">
        <p14:creationId xmlns:p14="http://schemas.microsoft.com/office/powerpoint/2010/main" val="3865950829"/>
      </p:ext>
    </p:extLst>
  </p:cSld>
  <p:clrMapOvr>
    <a:masterClrMapping/>
  </p:clrMapOvr>
  <p:transition spd="med"/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obj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title"/>
          </p:nvPr>
        </p:nvSpPr>
        <p:spPr/>
        <p:txBody>
          <a:bodyPr lIns="0" tIns="0" rIns="0" bIns="0"/>
          <a:lstStyle>
            <a:lvl1pPr>
              <a:defRPr sz="3199" b="1" i="0">
                <a:solidFill>
                  <a:schemeClr val="tx1"/>
                </a:solidFill>
                <a:latin typeface="Microsoft YaHei"/>
                <a:cs typeface="Microsoft YaHei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sz="half" idx="2"/>
          </p:nvPr>
        </p:nvSpPr>
        <p:spPr>
          <a:xfrm>
            <a:off x="609441" y="1577340"/>
            <a:ext cx="5302139" cy="66172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sz="half" idx="3"/>
          </p:nvPr>
        </p:nvSpPr>
        <p:spPr>
          <a:xfrm>
            <a:off x="6277245" y="1577340"/>
            <a:ext cx="5302139" cy="66172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>
              <a:defRPr sz="1000" b="0" i="0">
                <a:solidFill>
                  <a:schemeClr val="tx1"/>
                </a:solidFill>
                <a:latin typeface="Arial MT"/>
                <a:cs typeface="Arial MT"/>
              </a:defRPr>
            </a:lvl1pPr>
          </a:lstStyle>
          <a:p>
            <a:pPr marL="12696"/>
            <a:r>
              <a:rPr lang="en-US" spc="-5"/>
              <a:t>2024</a:t>
            </a:r>
            <a:r>
              <a:rPr lang="en-US" spc="-25"/>
              <a:t> </a:t>
            </a:r>
            <a:r>
              <a:rPr lang="en-US" spc="-10"/>
              <a:t>Lenovo </a:t>
            </a:r>
            <a:r>
              <a:rPr lang="en-US" spc="-5"/>
              <a:t>Internal.</a:t>
            </a:r>
            <a:r>
              <a:rPr lang="en-US" spc="-10"/>
              <a:t> All</a:t>
            </a:r>
            <a:r>
              <a:rPr lang="en-US"/>
              <a:t> </a:t>
            </a:r>
            <a:r>
              <a:rPr lang="en-US" spc="-5"/>
              <a:t>rights</a:t>
            </a:r>
            <a:r>
              <a:rPr lang="en-US" spc="5"/>
              <a:t> </a:t>
            </a:r>
            <a:r>
              <a:rPr lang="en-US" spc="-5"/>
              <a:t>reserved.</a:t>
            </a:r>
            <a:endParaRPr lang="en-US" spc="-5" dirty="0"/>
          </a:p>
        </p:txBody>
      </p:sp>
      <p:sp>
        <p:nvSpPr>
          <p:cNvPr id="6" name="Holder 6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t>11/7/2024</a:t>
            </a:fld>
            <a:endParaRPr lang="en-US"/>
          </a:p>
        </p:txBody>
      </p:sp>
      <p:sp>
        <p:nvSpPr>
          <p:cNvPr id="7" name="Holder 7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>
              <a:defRPr sz="1000" b="0" i="0">
                <a:solidFill>
                  <a:schemeClr val="tx1"/>
                </a:solidFill>
                <a:latin typeface="Microsoft YaHei"/>
                <a:cs typeface="Microsoft YaHei"/>
              </a:defRPr>
            </a:lvl1pPr>
          </a:lstStyle>
          <a:p>
            <a:pPr marL="38089">
              <a:spcBef>
                <a:spcPts val="150"/>
              </a:spcBef>
            </a:pPr>
            <a:fld id="{81D60167-4931-47E6-BA6A-407CBD079E47}" type="slidenum">
              <a:rPr lang="en-US" spc="-5" smtClean="0"/>
              <a:pPr marL="38089">
                <a:spcBef>
                  <a:spcPts val="150"/>
                </a:spcBef>
              </a:pPr>
              <a:t>‹#›</a:t>
            </a:fld>
            <a:endParaRPr lang="en-US" spc="-5" dirty="0"/>
          </a:p>
        </p:txBody>
      </p:sp>
    </p:spTree>
    <p:extLst>
      <p:ext uri="{BB962C8B-B14F-4D97-AF65-F5344CB8AC3E}">
        <p14:creationId xmlns:p14="http://schemas.microsoft.com/office/powerpoint/2010/main" val="3711343945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402268775"/>
      </p:ext>
    </p:extLst>
  </p:cSld>
  <p:clrMapOvr>
    <a:masterClrMapping/>
  </p:clrMapOvr>
  <p:transition spd="med"/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Section Header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" name="TextBox 74"/>
          <p:cNvSpPr txBox="1"/>
          <p:nvPr userDrawn="1"/>
        </p:nvSpPr>
        <p:spPr>
          <a:xfrm>
            <a:off x="548640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14" name="Group 13">
            <a:extLst>
              <a:ext uri="{FF2B5EF4-FFF2-40B4-BE49-F238E27FC236}">
                <a16:creationId xmlns:a16="http://schemas.microsoft.com/office/drawing/2014/main" id="{A4354387-7352-4EDE-B10D-7E98777C3341}"/>
              </a:ext>
            </a:extLst>
          </p:cNvPr>
          <p:cNvGrpSpPr>
            <a:grpSpLocks noChangeAspect="1"/>
          </p:cNvGrpSpPr>
          <p:nvPr userDrawn="1"/>
        </p:nvGrpSpPr>
        <p:grpSpPr>
          <a:xfrm rot="16200000">
            <a:off x="9855467" y="2024677"/>
            <a:ext cx="3499241" cy="1167475"/>
            <a:chOff x="547688" y="952500"/>
            <a:chExt cx="12190413" cy="4067175"/>
          </a:xfrm>
        </p:grpSpPr>
        <p:sp>
          <p:nvSpPr>
            <p:cNvPr id="15" name="Rectangle 14">
              <a:extLst>
                <a:ext uri="{FF2B5EF4-FFF2-40B4-BE49-F238E27FC236}">
                  <a16:creationId xmlns:a16="http://schemas.microsoft.com/office/drawing/2014/main" id="{6068FE78-9E0C-420F-BFDF-2A1DB5DDAF14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6" name="Freeform 7">
              <a:extLst>
                <a:ext uri="{FF2B5EF4-FFF2-40B4-BE49-F238E27FC236}">
                  <a16:creationId xmlns:a16="http://schemas.microsoft.com/office/drawing/2014/main" id="{26099F2B-AA1C-488F-AA7C-ABFA1FCEE0F1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7" name="Freeform 8">
              <a:extLst>
                <a:ext uri="{FF2B5EF4-FFF2-40B4-BE49-F238E27FC236}">
                  <a16:creationId xmlns:a16="http://schemas.microsoft.com/office/drawing/2014/main" id="{D088FA8F-9439-47CF-8D78-598F44C92256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8" name="Freeform 9">
              <a:extLst>
                <a:ext uri="{FF2B5EF4-FFF2-40B4-BE49-F238E27FC236}">
                  <a16:creationId xmlns:a16="http://schemas.microsoft.com/office/drawing/2014/main" id="{C26AF859-19F7-4030-B610-1D8769A17031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9" name="Freeform 10">
              <a:extLst>
                <a:ext uri="{FF2B5EF4-FFF2-40B4-BE49-F238E27FC236}">
                  <a16:creationId xmlns:a16="http://schemas.microsoft.com/office/drawing/2014/main" id="{421D0F15-28EC-4EC4-9F91-EA19E7CE7C3E}"/>
                </a:ext>
              </a:extLst>
            </p:cNvPr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0" name="Freeform 10">
              <a:extLst>
                <a:ext uri="{FF2B5EF4-FFF2-40B4-BE49-F238E27FC236}">
                  <a16:creationId xmlns:a16="http://schemas.microsoft.com/office/drawing/2014/main" id="{14FA6E2F-4C4F-413E-BF05-0C2D64790D73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1" name="Freeform 11">
              <a:extLst>
                <a:ext uri="{FF2B5EF4-FFF2-40B4-BE49-F238E27FC236}">
                  <a16:creationId xmlns:a16="http://schemas.microsoft.com/office/drawing/2014/main" id="{84E56910-E988-4902-A325-07FB563FAA39}"/>
                </a:ext>
              </a:extLst>
            </p:cNvPr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  <p:sp>
        <p:nvSpPr>
          <p:cNvPr id="22" name="Title 16">
            <a:extLst>
              <a:ext uri="{FF2B5EF4-FFF2-40B4-BE49-F238E27FC236}">
                <a16:creationId xmlns:a16="http://schemas.microsoft.com/office/drawing/2014/main" id="{87ABE40C-19BE-4EEF-BC18-3E6E748B50A2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 bwMode="gray">
          <a:xfrm>
            <a:off x="548639" y="2752436"/>
            <a:ext cx="9957816" cy="1605598"/>
          </a:xfrm>
          <a:prstGeom prst="rect">
            <a:avLst/>
          </a:prstGeom>
        </p:spPr>
        <p:txBody>
          <a:bodyPr lIns="0" tIns="0" rIns="0" bIns="0" anchor="ctr" anchorCtr="0"/>
          <a:lstStyle>
            <a:lvl1pPr marL="0" algn="l" defTabSz="1218987" rtl="0" eaLnBrk="1" latinLnBrk="0" hangingPunct="1">
              <a:lnSpc>
                <a:spcPts val="5000"/>
              </a:lnSpc>
              <a:spcBef>
                <a:spcPct val="0"/>
              </a:spcBef>
              <a:buNone/>
              <a:defRPr lang="en-US" sz="6000" b="1" kern="1200" cap="none" spc="-15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Section header</a:t>
            </a:r>
          </a:p>
        </p:txBody>
      </p:sp>
      <p:sp>
        <p:nvSpPr>
          <p:cNvPr id="23" name="Text Placeholder 2">
            <a:extLst>
              <a:ext uri="{FF2B5EF4-FFF2-40B4-BE49-F238E27FC236}">
                <a16:creationId xmlns:a16="http://schemas.microsoft.com/office/drawing/2014/main" id="{17DDCA63-9864-4268-B28B-D09C149809B6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 bwMode="white">
          <a:xfrm>
            <a:off x="540892" y="2290418"/>
            <a:ext cx="9957816" cy="462018"/>
          </a:xfrm>
          <a:prstGeom prst="rect">
            <a:avLst/>
          </a:prstGeom>
        </p:spPr>
        <p:txBody>
          <a:bodyPr lIns="0" tIns="0" rIns="0" bIns="0" anchor="b"/>
          <a:lstStyle>
            <a:lvl1pPr marL="0" indent="0">
              <a:lnSpc>
                <a:spcPts val="2400"/>
              </a:lnSpc>
              <a:spcBef>
                <a:spcPts val="0"/>
              </a:spcBef>
              <a:buNone/>
              <a:defRPr sz="2500" spc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ubhead here</a:t>
            </a:r>
          </a:p>
        </p:txBody>
      </p:sp>
    </p:spTree>
    <p:extLst>
      <p:ext uri="{BB962C8B-B14F-4D97-AF65-F5344CB8AC3E}">
        <p14:creationId xmlns:p14="http://schemas.microsoft.com/office/powerpoint/2010/main" val="1471381990"/>
      </p:ext>
    </p:extLst>
  </p:cSld>
  <p:clrMapOvr>
    <a:masterClrMapping/>
  </p:clrMapOvr>
  <p:transition spd="med"/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</p:spTree>
    <p:extLst>
      <p:ext uri="{BB962C8B-B14F-4D97-AF65-F5344CB8AC3E}">
        <p14:creationId xmlns:p14="http://schemas.microsoft.com/office/powerpoint/2010/main" val="809395853"/>
      </p:ext>
    </p:extLst>
  </p:cSld>
  <p:clrMapOvr>
    <a:masterClrMapping/>
  </p:clrMapOvr>
  <p:transition spd="med"/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Title Only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5" name="TextBox 4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6" name="Group 5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7" name="Rectangle 6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8" name="Freeform 7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9" name="Freeform 8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1" name="Freeform 10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2" name="Freeform 11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3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4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2290322121"/>
      </p:ext>
    </p:extLst>
  </p:cSld>
  <p:clrMapOvr>
    <a:masterClrMapping/>
  </p:clrMapOvr>
  <p:transition spd="med"/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with Subtitle Only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Text Placeholder 2"/>
          <p:cNvSpPr>
            <a:spLocks noGrp="1"/>
          </p:cNvSpPr>
          <p:nvPr>
            <p:ph type="body" idx="10" hasCustomPrompt="1"/>
          </p:nvPr>
        </p:nvSpPr>
        <p:spPr bwMode="gray">
          <a:xfrm>
            <a:off x="557784" y="896112"/>
            <a:ext cx="11073384" cy="292608"/>
          </a:xfrm>
          <a:prstGeom prst="rect">
            <a:avLst/>
          </a:prstGeom>
        </p:spPr>
        <p:txBody>
          <a:bodyPr lIns="0" tIns="0" rIns="0" bIns="0" anchor="ctr" anchorCtr="0">
            <a:noAutofit/>
          </a:bodyPr>
          <a:lstStyle>
            <a:lvl1pPr marL="0" indent="0">
              <a:lnSpc>
                <a:spcPts val="2200"/>
              </a:lnSpc>
              <a:spcBef>
                <a:spcPts val="0"/>
              </a:spcBef>
              <a:buNone/>
              <a:defRPr sz="2200" b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609493" indent="0">
              <a:buNone/>
              <a:defRPr sz="2700" b="1"/>
            </a:lvl2pPr>
            <a:lvl3pPr marL="1218987" indent="0">
              <a:buNone/>
              <a:defRPr sz="2400" b="1"/>
            </a:lvl3pPr>
            <a:lvl4pPr marL="1828480" indent="0">
              <a:buNone/>
              <a:defRPr sz="2100" b="1"/>
            </a:lvl4pPr>
            <a:lvl5pPr marL="2437973" indent="0">
              <a:buNone/>
              <a:defRPr sz="2100" b="1"/>
            </a:lvl5pPr>
            <a:lvl6pPr marL="3047467" indent="0">
              <a:buNone/>
              <a:defRPr sz="2100" b="1"/>
            </a:lvl6pPr>
            <a:lvl7pPr marL="3656960" indent="0">
              <a:buNone/>
              <a:defRPr sz="2100" b="1"/>
            </a:lvl7pPr>
            <a:lvl8pPr marL="4266453" indent="0">
              <a:buNone/>
              <a:defRPr sz="2100" b="1"/>
            </a:lvl8pPr>
            <a:lvl9pPr marL="4875947" indent="0">
              <a:buNone/>
              <a:defRPr sz="21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356789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</p:spTree>
    <p:extLst>
      <p:ext uri="{BB962C8B-B14F-4D97-AF65-F5344CB8AC3E}">
        <p14:creationId xmlns:p14="http://schemas.microsoft.com/office/powerpoint/2010/main" val="2957633483"/>
      </p:ext>
    </p:extLst>
  </p:cSld>
  <p:clrMapOvr>
    <a:masterClrMapping/>
  </p:clrMapOvr>
  <p:transition spd="med"/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Title with Subtitle Only_Blac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Text Placeholder 2"/>
          <p:cNvSpPr>
            <a:spLocks noGrp="1"/>
          </p:cNvSpPr>
          <p:nvPr>
            <p:ph type="body" idx="10" hasCustomPrompt="1"/>
          </p:nvPr>
        </p:nvSpPr>
        <p:spPr bwMode="gray">
          <a:xfrm>
            <a:off x="557784" y="896112"/>
            <a:ext cx="11073384" cy="292608"/>
          </a:xfrm>
          <a:prstGeom prst="rect">
            <a:avLst/>
          </a:prstGeom>
        </p:spPr>
        <p:txBody>
          <a:bodyPr lIns="0" tIns="0" rIns="0" bIns="0" anchor="t" anchorCtr="0">
            <a:noAutofit/>
          </a:bodyPr>
          <a:lstStyle>
            <a:lvl1pPr marL="0" indent="0">
              <a:lnSpc>
                <a:spcPts val="2200"/>
              </a:lnSpc>
              <a:spcBef>
                <a:spcPts val="0"/>
              </a:spcBef>
              <a:buNone/>
              <a:defRPr sz="2000" b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  <a:lvl2pPr marL="609493" indent="0">
              <a:buNone/>
              <a:defRPr sz="2700" b="1"/>
            </a:lvl2pPr>
            <a:lvl3pPr marL="1218987" indent="0">
              <a:buNone/>
              <a:defRPr sz="2400" b="1"/>
            </a:lvl3pPr>
            <a:lvl4pPr marL="1828480" indent="0">
              <a:buNone/>
              <a:defRPr sz="2100" b="1"/>
            </a:lvl4pPr>
            <a:lvl5pPr marL="2437973" indent="0">
              <a:buNone/>
              <a:defRPr sz="2100" b="1"/>
            </a:lvl5pPr>
            <a:lvl6pPr marL="3047467" indent="0">
              <a:buNone/>
              <a:defRPr sz="2100" b="1"/>
            </a:lvl6pPr>
            <a:lvl7pPr marL="3656960" indent="0">
              <a:buNone/>
              <a:defRPr sz="2100" b="1"/>
            </a:lvl7pPr>
            <a:lvl8pPr marL="4266453" indent="0">
              <a:buNone/>
              <a:defRPr sz="2100" b="1"/>
            </a:lvl8pPr>
            <a:lvl9pPr marL="4875947" indent="0">
              <a:buNone/>
              <a:defRPr sz="21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1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2336"/>
            <a:ext cx="11073384" cy="399921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bg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7" name="TextBox 6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8" name="Group 7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9" name="Rectangle 8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0" name="Freeform 9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3" name="Freeform 12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4" name="Freeform 13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5" name="Freeform 14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6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  <p:sp>
          <p:nvSpPr>
            <p:cNvPr id="17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>
                <a:solidFill>
                  <a:schemeClr val="bg1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242260577"/>
      </p:ext>
    </p:extLst>
  </p:cSld>
  <p:clrMapOvr>
    <a:masterClrMapping/>
  </p:clrMapOvr>
  <p:transition spd="med"/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28"/>
          <p:cNvSpPr>
            <a:spLocks noGrp="1"/>
          </p:cNvSpPr>
          <p:nvPr>
            <p:ph type="title" hasCustomPrompt="1"/>
          </p:nvPr>
        </p:nvSpPr>
        <p:spPr bwMode="gray">
          <a:xfrm>
            <a:off x="548640" y="403624"/>
            <a:ext cx="11073384" cy="521208"/>
          </a:xfrm>
          <a:prstGeom prst="rect">
            <a:avLst/>
          </a:prstGeom>
        </p:spPr>
        <p:txBody>
          <a:bodyPr wrap="square" lIns="0" tIns="0" rIns="0" bIns="0" anchor="t" anchorCtr="0"/>
          <a:lstStyle>
            <a:lvl1pPr marL="0" algn="l" defTabSz="1218987" rtl="0" eaLnBrk="1" latinLnBrk="0" hangingPunct="1">
              <a:lnSpc>
                <a:spcPts val="3200"/>
              </a:lnSpc>
              <a:spcBef>
                <a:spcPct val="0"/>
              </a:spcBef>
              <a:buNone/>
              <a:tabLst>
                <a:tab pos="1218987" algn="l"/>
              </a:tabLst>
              <a:defRPr lang="en-US" sz="3200" b="1" kern="1200" cap="none" spc="-150" baseline="0" dirty="0">
                <a:solidFill>
                  <a:schemeClr val="tx1"/>
                </a:solidFill>
                <a:latin typeface="Arial" pitchFamily="34" charset="0"/>
                <a:ea typeface="+mn-ea"/>
                <a:cs typeface="Arial" pitchFamily="34" charset="0"/>
              </a:defRPr>
            </a:lvl1pPr>
          </a:lstStyle>
          <a:p>
            <a:r>
              <a:rPr lang="en-US" dirty="0"/>
              <a:t>Click to edit master title</a:t>
            </a:r>
          </a:p>
        </p:txBody>
      </p:sp>
      <p:sp>
        <p:nvSpPr>
          <p:cNvPr id="22" name="Content Placeholder 2"/>
          <p:cNvSpPr>
            <a:spLocks noGrp="1"/>
          </p:cNvSpPr>
          <p:nvPr>
            <p:ph sz="half" idx="1"/>
          </p:nvPr>
        </p:nvSpPr>
        <p:spPr bwMode="gray">
          <a:xfrm>
            <a:off x="548640" y="1308880"/>
            <a:ext cx="11073384" cy="4906726"/>
          </a:xfrm>
          <a:prstGeom prst="rect">
            <a:avLst/>
          </a:prstGeom>
        </p:spPr>
        <p:txBody>
          <a:bodyPr lIns="0" tIns="0" rIns="0" bIns="0"/>
          <a:lstStyle>
            <a:lvl1pPr marL="171450" indent="-171450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•"/>
              <a:defRPr sz="20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609493" indent="-228560">
              <a:lnSpc>
                <a:spcPct val="90000"/>
              </a:lnSpc>
              <a:spcBef>
                <a:spcPts val="500"/>
              </a:spcBef>
              <a:buClrTx/>
              <a:buFont typeface="Arial" pitchFamily="34" charset="0"/>
              <a:buChar char="–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835938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147033" indent="-156606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1445431" indent="-150258">
              <a:lnSpc>
                <a:spcPct val="90000"/>
              </a:lnSpc>
              <a:spcBef>
                <a:spcPts val="500"/>
              </a:spcBef>
              <a:buClrTx/>
              <a:buFont typeface="Arial" panose="020B0604020202020204" pitchFamily="34" charset="0"/>
              <a:buChar char="-"/>
              <a:defRPr sz="180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11416382"/>
      </p:ext>
    </p:extLst>
  </p:cSld>
  <p:clrMapOvr>
    <a:masterClrMapping/>
  </p:clrMapOvr>
  <p:transition spd="med"/>
</p:sldLayout>
</file>

<file path=ppt/slideMasters/_rels/slideMaster1.xml.rels><?xml version="1.0" encoding="UTF-8" standalone="yes"?>
<Relationships xmlns="http://schemas.openxmlformats.org/package/2006/relationships"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3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slideLayout" Target="../slideLayouts/slideLayout29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32" Type="http://schemas.openxmlformats.org/officeDocument/2006/relationships/slideLayout" Target="../slideLayouts/slideLayout32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slideLayout" Target="../slideLayouts/slideLayout3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slideLayout" Target="../slideLayouts/slideLayout30.xml"/><Relationship Id="rId8" Type="http://schemas.openxmlformats.org/officeDocument/2006/relationships/slideLayout" Target="../slideLayouts/slideLayout8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 userDrawn="1"/>
        </p:nvSpPr>
        <p:spPr>
          <a:xfrm>
            <a:off x="1396214" y="6473952"/>
            <a:ext cx="4114800" cy="153888"/>
          </a:xfrm>
          <a:prstGeom prst="rect">
            <a:avLst/>
          </a:prstGeom>
          <a:noFill/>
        </p:spPr>
        <p:txBody>
          <a:bodyPr wrap="square" lIns="0" tIns="0" rIns="0" bIns="0" rtlCol="0">
            <a:spAutoFit/>
          </a:bodyPr>
          <a:lstStyle/>
          <a:p>
            <a:r>
              <a:rPr lang="en-US" sz="1000">
                <a:latin typeface="Arial" pitchFamily="34" charset="0"/>
                <a:cs typeface="Arial" pitchFamily="34" charset="0"/>
              </a:rPr>
              <a:t>2024 </a:t>
            </a:r>
            <a:r>
              <a:rPr lang="en-US" sz="1000" dirty="0">
                <a:latin typeface="Arial" pitchFamily="34" charset="0"/>
                <a:cs typeface="Arial" pitchFamily="34" charset="0"/>
              </a:rPr>
              <a:t>Lenovo Internal. All rights reserved.</a:t>
            </a:r>
          </a:p>
        </p:txBody>
      </p:sp>
      <p:grpSp>
        <p:nvGrpSpPr>
          <p:cNvPr id="5" name="Group 4"/>
          <p:cNvGrpSpPr/>
          <p:nvPr userDrawn="1"/>
        </p:nvGrpSpPr>
        <p:grpSpPr>
          <a:xfrm>
            <a:off x="554338" y="6421482"/>
            <a:ext cx="734356" cy="245008"/>
            <a:chOff x="547688" y="952500"/>
            <a:chExt cx="12190413" cy="4067175"/>
          </a:xfrm>
        </p:grpSpPr>
        <p:sp>
          <p:nvSpPr>
            <p:cNvPr id="6" name="Rectangle 5"/>
            <p:cNvSpPr>
              <a:spLocks noChangeArrowheads="1"/>
            </p:cNvSpPr>
            <p:nvPr userDrawn="1"/>
          </p:nvSpPr>
          <p:spPr bwMode="auto">
            <a:xfrm>
              <a:off x="547688" y="952500"/>
              <a:ext cx="12190413" cy="4067175"/>
            </a:xfrm>
            <a:prstGeom prst="rect">
              <a:avLst/>
            </a:prstGeom>
            <a:solidFill>
              <a:schemeClr val="accent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8" name="Freeform 7"/>
            <p:cNvSpPr>
              <a:spLocks/>
            </p:cNvSpPr>
            <p:nvPr userDrawn="1"/>
          </p:nvSpPr>
          <p:spPr bwMode="auto">
            <a:xfrm>
              <a:off x="4922838" y="2319338"/>
              <a:ext cx="1571625" cy="1590675"/>
            </a:xfrm>
            <a:custGeom>
              <a:avLst/>
              <a:gdLst>
                <a:gd name="T0" fmla="*/ 492 w 825"/>
                <a:gd name="T1" fmla="*/ 0 h 834"/>
                <a:gd name="T2" fmla="*/ 225 w 825"/>
                <a:gd name="T3" fmla="*/ 132 h 834"/>
                <a:gd name="T4" fmla="*/ 225 w 825"/>
                <a:gd name="T5" fmla="*/ 132 h 834"/>
                <a:gd name="T6" fmla="*/ 225 w 825"/>
                <a:gd name="T7" fmla="*/ 132 h 834"/>
                <a:gd name="T8" fmla="*/ 225 w 825"/>
                <a:gd name="T9" fmla="*/ 14 h 834"/>
                <a:gd name="T10" fmla="*/ 0 w 825"/>
                <a:gd name="T11" fmla="*/ 14 h 834"/>
                <a:gd name="T12" fmla="*/ 0 w 825"/>
                <a:gd name="T13" fmla="*/ 834 h 834"/>
                <a:gd name="T14" fmla="*/ 225 w 825"/>
                <a:gd name="T15" fmla="*/ 834 h 834"/>
                <a:gd name="T16" fmla="*/ 225 w 825"/>
                <a:gd name="T17" fmla="*/ 367 h 834"/>
                <a:gd name="T18" fmla="*/ 411 w 825"/>
                <a:gd name="T19" fmla="*/ 194 h 834"/>
                <a:gd name="T20" fmla="*/ 600 w 825"/>
                <a:gd name="T21" fmla="*/ 367 h 834"/>
                <a:gd name="T22" fmla="*/ 600 w 825"/>
                <a:gd name="T23" fmla="*/ 834 h 834"/>
                <a:gd name="T24" fmla="*/ 825 w 825"/>
                <a:gd name="T25" fmla="*/ 834 h 834"/>
                <a:gd name="T26" fmla="*/ 825 w 825"/>
                <a:gd name="T27" fmla="*/ 326 h 834"/>
                <a:gd name="T28" fmla="*/ 492 w 825"/>
                <a:gd name="T29" fmla="*/ 0 h 834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25" h="834">
                  <a:moveTo>
                    <a:pt x="492" y="0"/>
                  </a:moveTo>
                  <a:cubicBezTo>
                    <a:pt x="398" y="0"/>
                    <a:pt x="291" y="44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32"/>
                    <a:pt x="225" y="132"/>
                    <a:pt x="225" y="132"/>
                  </a:cubicBezTo>
                  <a:cubicBezTo>
                    <a:pt x="225" y="14"/>
                    <a:pt x="225" y="14"/>
                    <a:pt x="225" y="14"/>
                  </a:cubicBezTo>
                  <a:cubicBezTo>
                    <a:pt x="0" y="14"/>
                    <a:pt x="0" y="14"/>
                    <a:pt x="0" y="14"/>
                  </a:cubicBezTo>
                  <a:cubicBezTo>
                    <a:pt x="0" y="834"/>
                    <a:pt x="0" y="834"/>
                    <a:pt x="0" y="834"/>
                  </a:cubicBezTo>
                  <a:cubicBezTo>
                    <a:pt x="225" y="834"/>
                    <a:pt x="225" y="834"/>
                    <a:pt x="225" y="834"/>
                  </a:cubicBezTo>
                  <a:cubicBezTo>
                    <a:pt x="225" y="367"/>
                    <a:pt x="225" y="367"/>
                    <a:pt x="225" y="367"/>
                  </a:cubicBezTo>
                  <a:cubicBezTo>
                    <a:pt x="225" y="283"/>
                    <a:pt x="290" y="194"/>
                    <a:pt x="411" y="194"/>
                  </a:cubicBezTo>
                  <a:cubicBezTo>
                    <a:pt x="504" y="194"/>
                    <a:pt x="600" y="259"/>
                    <a:pt x="600" y="367"/>
                  </a:cubicBezTo>
                  <a:cubicBezTo>
                    <a:pt x="600" y="834"/>
                    <a:pt x="600" y="834"/>
                    <a:pt x="600" y="834"/>
                  </a:cubicBezTo>
                  <a:cubicBezTo>
                    <a:pt x="825" y="834"/>
                    <a:pt x="825" y="834"/>
                    <a:pt x="825" y="834"/>
                  </a:cubicBezTo>
                  <a:cubicBezTo>
                    <a:pt x="825" y="326"/>
                    <a:pt x="825" y="326"/>
                    <a:pt x="825" y="326"/>
                  </a:cubicBezTo>
                  <a:cubicBezTo>
                    <a:pt x="825" y="137"/>
                    <a:pt x="690" y="0"/>
                    <a:pt x="492" y="0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9" name="Freeform 8"/>
            <p:cNvSpPr>
              <a:spLocks/>
            </p:cNvSpPr>
            <p:nvPr userDrawn="1"/>
          </p:nvSpPr>
          <p:spPr bwMode="auto">
            <a:xfrm>
              <a:off x="8277225" y="2346325"/>
              <a:ext cx="1755775" cy="1563688"/>
            </a:xfrm>
            <a:custGeom>
              <a:avLst/>
              <a:gdLst>
                <a:gd name="T0" fmla="*/ 797 w 1106"/>
                <a:gd name="T1" fmla="*/ 0 h 985"/>
                <a:gd name="T2" fmla="*/ 553 w 1106"/>
                <a:gd name="T3" fmla="*/ 671 h 985"/>
                <a:gd name="T4" fmla="*/ 308 w 1106"/>
                <a:gd name="T5" fmla="*/ 0 h 985"/>
                <a:gd name="T6" fmla="*/ 0 w 1106"/>
                <a:gd name="T7" fmla="*/ 0 h 985"/>
                <a:gd name="T8" fmla="*/ 405 w 1106"/>
                <a:gd name="T9" fmla="*/ 985 h 985"/>
                <a:gd name="T10" fmla="*/ 701 w 1106"/>
                <a:gd name="T11" fmla="*/ 985 h 985"/>
                <a:gd name="T12" fmla="*/ 1106 w 1106"/>
                <a:gd name="T13" fmla="*/ 0 h 985"/>
                <a:gd name="T14" fmla="*/ 797 w 1106"/>
                <a:gd name="T15" fmla="*/ 0 h 98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</a:cxnLst>
              <a:rect l="0" t="0" r="r" b="b"/>
              <a:pathLst>
                <a:path w="1106" h="985">
                  <a:moveTo>
                    <a:pt x="797" y="0"/>
                  </a:moveTo>
                  <a:lnTo>
                    <a:pt x="553" y="671"/>
                  </a:lnTo>
                  <a:lnTo>
                    <a:pt x="308" y="0"/>
                  </a:lnTo>
                  <a:lnTo>
                    <a:pt x="0" y="0"/>
                  </a:lnTo>
                  <a:lnTo>
                    <a:pt x="405" y="985"/>
                  </a:lnTo>
                  <a:lnTo>
                    <a:pt x="701" y="985"/>
                  </a:lnTo>
                  <a:lnTo>
                    <a:pt x="1106" y="0"/>
                  </a:lnTo>
                  <a:lnTo>
                    <a:pt x="797" y="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0" name="Freeform 9"/>
            <p:cNvSpPr>
              <a:spLocks noEditPoints="1"/>
            </p:cNvSpPr>
            <p:nvPr userDrawn="1"/>
          </p:nvSpPr>
          <p:spPr bwMode="auto">
            <a:xfrm>
              <a:off x="3138488" y="2319338"/>
              <a:ext cx="1630363" cy="1617663"/>
            </a:xfrm>
            <a:custGeom>
              <a:avLst/>
              <a:gdLst>
                <a:gd name="T0" fmla="*/ 697 w 856"/>
                <a:gd name="T1" fmla="*/ 582 h 848"/>
                <a:gd name="T2" fmla="*/ 462 w 856"/>
                <a:gd name="T3" fmla="*/ 669 h 848"/>
                <a:gd name="T4" fmla="*/ 280 w 856"/>
                <a:gd name="T5" fmla="*/ 602 h 848"/>
                <a:gd name="T6" fmla="*/ 856 w 856"/>
                <a:gd name="T7" fmla="*/ 363 h 848"/>
                <a:gd name="T8" fmla="*/ 758 w 856"/>
                <a:gd name="T9" fmla="*/ 135 h 848"/>
                <a:gd name="T10" fmla="*/ 434 w 856"/>
                <a:gd name="T11" fmla="*/ 0 h 848"/>
                <a:gd name="T12" fmla="*/ 0 w 856"/>
                <a:gd name="T13" fmla="*/ 424 h 848"/>
                <a:gd name="T14" fmla="*/ 459 w 856"/>
                <a:gd name="T15" fmla="*/ 848 h 848"/>
                <a:gd name="T16" fmla="*/ 840 w 856"/>
                <a:gd name="T17" fmla="*/ 691 h 848"/>
                <a:gd name="T18" fmla="*/ 697 w 856"/>
                <a:gd name="T19" fmla="*/ 582 h 848"/>
                <a:gd name="T20" fmla="*/ 265 w 856"/>
                <a:gd name="T21" fmla="*/ 261 h 848"/>
                <a:gd name="T22" fmla="*/ 438 w 856"/>
                <a:gd name="T23" fmla="*/ 179 h 848"/>
                <a:gd name="T24" fmla="*/ 612 w 856"/>
                <a:gd name="T25" fmla="*/ 294 h 848"/>
                <a:gd name="T26" fmla="*/ 219 w 856"/>
                <a:gd name="T27" fmla="*/ 457 h 848"/>
                <a:gd name="T28" fmla="*/ 265 w 856"/>
                <a:gd name="T29" fmla="*/ 261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</a:cxnLst>
              <a:rect l="0" t="0" r="r" b="b"/>
              <a:pathLst>
                <a:path w="856" h="848">
                  <a:moveTo>
                    <a:pt x="697" y="582"/>
                  </a:moveTo>
                  <a:cubicBezTo>
                    <a:pt x="602" y="652"/>
                    <a:pt x="548" y="669"/>
                    <a:pt x="462" y="669"/>
                  </a:cubicBezTo>
                  <a:cubicBezTo>
                    <a:pt x="384" y="669"/>
                    <a:pt x="323" y="645"/>
                    <a:pt x="280" y="602"/>
                  </a:cubicBezTo>
                  <a:cubicBezTo>
                    <a:pt x="856" y="363"/>
                    <a:pt x="856" y="363"/>
                    <a:pt x="856" y="363"/>
                  </a:cubicBezTo>
                  <a:cubicBezTo>
                    <a:pt x="843" y="275"/>
                    <a:pt x="810" y="195"/>
                    <a:pt x="758" y="135"/>
                  </a:cubicBezTo>
                  <a:cubicBezTo>
                    <a:pt x="682" y="47"/>
                    <a:pt x="570" y="0"/>
                    <a:pt x="434" y="0"/>
                  </a:cubicBezTo>
                  <a:cubicBezTo>
                    <a:pt x="186" y="0"/>
                    <a:pt x="0" y="183"/>
                    <a:pt x="0" y="424"/>
                  </a:cubicBezTo>
                  <a:cubicBezTo>
                    <a:pt x="0" y="672"/>
                    <a:pt x="187" y="848"/>
                    <a:pt x="459" y="848"/>
                  </a:cubicBezTo>
                  <a:cubicBezTo>
                    <a:pt x="611" y="848"/>
                    <a:pt x="767" y="776"/>
                    <a:pt x="840" y="691"/>
                  </a:cubicBezTo>
                  <a:lnTo>
                    <a:pt x="697" y="582"/>
                  </a:lnTo>
                  <a:close/>
                  <a:moveTo>
                    <a:pt x="265" y="261"/>
                  </a:moveTo>
                  <a:cubicBezTo>
                    <a:pt x="303" y="210"/>
                    <a:pt x="364" y="179"/>
                    <a:pt x="438" y="179"/>
                  </a:cubicBezTo>
                  <a:cubicBezTo>
                    <a:pt x="519" y="179"/>
                    <a:pt x="581" y="226"/>
                    <a:pt x="612" y="294"/>
                  </a:cubicBezTo>
                  <a:cubicBezTo>
                    <a:pt x="219" y="457"/>
                    <a:pt x="219" y="457"/>
                    <a:pt x="219" y="457"/>
                  </a:cubicBezTo>
                  <a:cubicBezTo>
                    <a:pt x="208" y="374"/>
                    <a:pt x="230" y="308"/>
                    <a:pt x="265" y="261"/>
                  </a:cubicBez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1" name="Freeform 10"/>
            <p:cNvSpPr>
              <a:spLocks/>
            </p:cNvSpPr>
            <p:nvPr userDrawn="1"/>
          </p:nvSpPr>
          <p:spPr bwMode="auto">
            <a:xfrm>
              <a:off x="1685925" y="1879600"/>
              <a:ext cx="1409700" cy="2030413"/>
            </a:xfrm>
            <a:custGeom>
              <a:avLst/>
              <a:gdLst>
                <a:gd name="T0" fmla="*/ 888 w 888"/>
                <a:gd name="T1" fmla="*/ 1030 h 1279"/>
                <a:gd name="T2" fmla="*/ 274 w 888"/>
                <a:gd name="T3" fmla="*/ 1030 h 1279"/>
                <a:gd name="T4" fmla="*/ 274 w 888"/>
                <a:gd name="T5" fmla="*/ 0 h 1279"/>
                <a:gd name="T6" fmla="*/ 0 w 888"/>
                <a:gd name="T7" fmla="*/ 0 h 1279"/>
                <a:gd name="T8" fmla="*/ 0 w 888"/>
                <a:gd name="T9" fmla="*/ 1279 h 1279"/>
                <a:gd name="T10" fmla="*/ 888 w 888"/>
                <a:gd name="T11" fmla="*/ 1279 h 1279"/>
                <a:gd name="T12" fmla="*/ 888 w 888"/>
                <a:gd name="T13" fmla="*/ 1030 h 127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</a:cxnLst>
              <a:rect l="0" t="0" r="r" b="b"/>
              <a:pathLst>
                <a:path w="888" h="1279">
                  <a:moveTo>
                    <a:pt x="888" y="1030"/>
                  </a:moveTo>
                  <a:lnTo>
                    <a:pt x="274" y="1030"/>
                  </a:lnTo>
                  <a:lnTo>
                    <a:pt x="274" y="0"/>
                  </a:lnTo>
                  <a:lnTo>
                    <a:pt x="0" y="0"/>
                  </a:lnTo>
                  <a:lnTo>
                    <a:pt x="0" y="1279"/>
                  </a:lnTo>
                  <a:lnTo>
                    <a:pt x="888" y="1279"/>
                  </a:lnTo>
                  <a:lnTo>
                    <a:pt x="888" y="1030"/>
                  </a:lnTo>
                  <a:close/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2" name="Freeform 10"/>
            <p:cNvSpPr>
              <a:spLocks noEditPoints="1"/>
            </p:cNvSpPr>
            <p:nvPr userDrawn="1"/>
          </p:nvSpPr>
          <p:spPr bwMode="auto">
            <a:xfrm>
              <a:off x="9966325" y="2319338"/>
              <a:ext cx="1677988" cy="1617663"/>
            </a:xfrm>
            <a:custGeom>
              <a:avLst/>
              <a:gdLst>
                <a:gd name="T0" fmla="*/ 439 w 881"/>
                <a:gd name="T1" fmla="*/ 848 h 848"/>
                <a:gd name="T2" fmla="*/ 0 w 881"/>
                <a:gd name="T3" fmla="*/ 424 h 848"/>
                <a:gd name="T4" fmla="*/ 442 w 881"/>
                <a:gd name="T5" fmla="*/ 0 h 848"/>
                <a:gd name="T6" fmla="*/ 881 w 881"/>
                <a:gd name="T7" fmla="*/ 424 h 848"/>
                <a:gd name="T8" fmla="*/ 439 w 881"/>
                <a:gd name="T9" fmla="*/ 848 h 848"/>
                <a:gd name="T10" fmla="*/ 439 w 881"/>
                <a:gd name="T11" fmla="*/ 193 h 848"/>
                <a:gd name="T12" fmla="*/ 222 w 881"/>
                <a:gd name="T13" fmla="*/ 424 h 848"/>
                <a:gd name="T14" fmla="*/ 442 w 881"/>
                <a:gd name="T15" fmla="*/ 655 h 848"/>
                <a:gd name="T16" fmla="*/ 659 w 881"/>
                <a:gd name="T17" fmla="*/ 424 h 848"/>
                <a:gd name="T18" fmla="*/ 439 w 881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1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4" y="0"/>
                    <a:pt x="442" y="0"/>
                  </a:cubicBezTo>
                  <a:cubicBezTo>
                    <a:pt x="688" y="0"/>
                    <a:pt x="881" y="184"/>
                    <a:pt x="881" y="424"/>
                  </a:cubicBezTo>
                  <a:cubicBezTo>
                    <a:pt x="881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3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59" y="557"/>
                    <a:pt x="659" y="424"/>
                  </a:cubicBezTo>
                  <a:cubicBezTo>
                    <a:pt x="659" y="295"/>
                    <a:pt x="562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13" name="Freeform 11"/>
            <p:cNvSpPr>
              <a:spLocks noEditPoints="1"/>
            </p:cNvSpPr>
            <p:nvPr userDrawn="1"/>
          </p:nvSpPr>
          <p:spPr bwMode="auto">
            <a:xfrm>
              <a:off x="6664325" y="2319338"/>
              <a:ext cx="1679575" cy="1617663"/>
            </a:xfrm>
            <a:custGeom>
              <a:avLst/>
              <a:gdLst>
                <a:gd name="T0" fmla="*/ 439 w 882"/>
                <a:gd name="T1" fmla="*/ 848 h 848"/>
                <a:gd name="T2" fmla="*/ 0 w 882"/>
                <a:gd name="T3" fmla="*/ 424 h 848"/>
                <a:gd name="T4" fmla="*/ 442 w 882"/>
                <a:gd name="T5" fmla="*/ 0 h 848"/>
                <a:gd name="T6" fmla="*/ 882 w 882"/>
                <a:gd name="T7" fmla="*/ 424 h 848"/>
                <a:gd name="T8" fmla="*/ 439 w 882"/>
                <a:gd name="T9" fmla="*/ 848 h 848"/>
                <a:gd name="T10" fmla="*/ 439 w 882"/>
                <a:gd name="T11" fmla="*/ 193 h 848"/>
                <a:gd name="T12" fmla="*/ 222 w 882"/>
                <a:gd name="T13" fmla="*/ 424 h 848"/>
                <a:gd name="T14" fmla="*/ 442 w 882"/>
                <a:gd name="T15" fmla="*/ 655 h 848"/>
                <a:gd name="T16" fmla="*/ 660 w 882"/>
                <a:gd name="T17" fmla="*/ 424 h 848"/>
                <a:gd name="T18" fmla="*/ 439 w 882"/>
                <a:gd name="T19" fmla="*/ 193 h 848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</a:cxnLst>
              <a:rect l="0" t="0" r="r" b="b"/>
              <a:pathLst>
                <a:path w="882" h="848">
                  <a:moveTo>
                    <a:pt x="439" y="848"/>
                  </a:moveTo>
                  <a:cubicBezTo>
                    <a:pt x="193" y="848"/>
                    <a:pt x="0" y="664"/>
                    <a:pt x="0" y="424"/>
                  </a:cubicBezTo>
                  <a:cubicBezTo>
                    <a:pt x="0" y="186"/>
                    <a:pt x="195" y="0"/>
                    <a:pt x="442" y="0"/>
                  </a:cubicBezTo>
                  <a:cubicBezTo>
                    <a:pt x="689" y="0"/>
                    <a:pt x="882" y="184"/>
                    <a:pt x="882" y="424"/>
                  </a:cubicBezTo>
                  <a:cubicBezTo>
                    <a:pt x="882" y="662"/>
                    <a:pt x="687" y="848"/>
                    <a:pt x="439" y="848"/>
                  </a:cubicBezTo>
                  <a:moveTo>
                    <a:pt x="439" y="193"/>
                  </a:moveTo>
                  <a:cubicBezTo>
                    <a:pt x="314" y="193"/>
                    <a:pt x="222" y="288"/>
                    <a:pt x="222" y="424"/>
                  </a:cubicBezTo>
                  <a:cubicBezTo>
                    <a:pt x="222" y="553"/>
                    <a:pt x="319" y="655"/>
                    <a:pt x="442" y="655"/>
                  </a:cubicBezTo>
                  <a:cubicBezTo>
                    <a:pt x="568" y="655"/>
                    <a:pt x="660" y="557"/>
                    <a:pt x="660" y="424"/>
                  </a:cubicBezTo>
                  <a:cubicBezTo>
                    <a:pt x="660" y="295"/>
                    <a:pt x="563" y="193"/>
                    <a:pt x="439" y="193"/>
                  </a:cubicBezTo>
                </a:path>
              </a:pathLst>
            </a:custGeom>
            <a:solidFill>
              <a:srgbClr val="FF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</p:spTree>
    <p:extLst>
      <p:ext uri="{BB962C8B-B14F-4D97-AF65-F5344CB8AC3E}">
        <p14:creationId xmlns:p14="http://schemas.microsoft.com/office/powerpoint/2010/main" val="363302726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9" r:id="rId1"/>
    <p:sldLayoutId id="2147483723" r:id="rId2"/>
    <p:sldLayoutId id="2147483670" r:id="rId3"/>
    <p:sldLayoutId id="2147483740" r:id="rId4"/>
    <p:sldLayoutId id="2147483654" r:id="rId5"/>
    <p:sldLayoutId id="2147483725" r:id="rId6"/>
    <p:sldLayoutId id="2147483738" r:id="rId7"/>
    <p:sldLayoutId id="2147483739" r:id="rId8"/>
    <p:sldLayoutId id="2147483661" r:id="rId9"/>
    <p:sldLayoutId id="2147483726" r:id="rId10"/>
    <p:sldLayoutId id="2147483673" r:id="rId11"/>
    <p:sldLayoutId id="2147483727" r:id="rId12"/>
    <p:sldLayoutId id="2147483662" r:id="rId13"/>
    <p:sldLayoutId id="2147483728" r:id="rId14"/>
    <p:sldLayoutId id="2147483736" r:id="rId15"/>
    <p:sldLayoutId id="2147483737" r:id="rId16"/>
    <p:sldLayoutId id="2147483691" r:id="rId17"/>
    <p:sldLayoutId id="2147483729" r:id="rId18"/>
    <p:sldLayoutId id="2147483692" r:id="rId19"/>
    <p:sldLayoutId id="2147483730" r:id="rId20"/>
    <p:sldLayoutId id="2147483711" r:id="rId21"/>
    <p:sldLayoutId id="2147483731" r:id="rId22"/>
    <p:sldLayoutId id="2147483722" r:id="rId23"/>
    <p:sldLayoutId id="2147483732" r:id="rId24"/>
    <p:sldLayoutId id="2147483657" r:id="rId25"/>
    <p:sldLayoutId id="2147483733" r:id="rId26"/>
    <p:sldLayoutId id="2147483659" r:id="rId27"/>
    <p:sldLayoutId id="2147483734" r:id="rId28"/>
    <p:sldLayoutId id="2147483742" r:id="rId29"/>
    <p:sldLayoutId id="2147483741" r:id="rId30"/>
    <p:sldLayoutId id="2147483796" r:id="rId31"/>
    <p:sldLayoutId id="2147483797" r:id="rId32"/>
  </p:sldLayoutIdLst>
  <p:transition spd="med"/>
  <p:hf hdr="0" dt="0"/>
  <p:txStyles>
    <p:titleStyle>
      <a:lvl1pPr algn="ctr" defTabSz="1218987" rtl="0" eaLnBrk="1" latinLnBrk="0" hangingPunct="1">
        <a:spcBef>
          <a:spcPct val="0"/>
        </a:spcBef>
        <a:buNone/>
        <a:defRPr sz="4300" kern="1200" cap="all" baseline="0">
          <a:solidFill>
            <a:schemeClr val="tx1"/>
          </a:solidFill>
          <a:latin typeface="Arial" pitchFamily="34" charset="0"/>
          <a:ea typeface="+mj-ea"/>
          <a:cs typeface="Arial" pitchFamily="34" charset="0"/>
        </a:defRPr>
      </a:lvl1pPr>
    </p:titleStyle>
    <p:bodyStyle>
      <a:lvl1pPr marL="457120" indent="-457120" algn="l" defTabSz="1218987" rtl="0" eaLnBrk="1" latinLnBrk="0" hangingPunct="1">
        <a:spcBef>
          <a:spcPct val="20000"/>
        </a:spcBef>
        <a:buClr>
          <a:schemeClr val="tx2"/>
        </a:buClr>
        <a:buFont typeface="Wingdings" pitchFamily="2" charset="2"/>
        <a:buChar char="§"/>
        <a:defRPr sz="4300" kern="1200">
          <a:solidFill>
            <a:schemeClr val="tx1"/>
          </a:solidFill>
          <a:latin typeface="Arial" pitchFamily="34" charset="0"/>
          <a:ea typeface="+mn-ea"/>
          <a:cs typeface="Arial" pitchFamily="34" charset="0"/>
        </a:defRPr>
      </a:lvl1pPr>
      <a:lvl2pPr marL="990427" indent="-380933" algn="l" defTabSz="1218987" rtl="0" eaLnBrk="1" latinLnBrk="0" hangingPunct="1">
        <a:spcBef>
          <a:spcPct val="20000"/>
        </a:spcBef>
        <a:buClr>
          <a:schemeClr val="tx2"/>
        </a:buClr>
        <a:buFont typeface="Wingdings" pitchFamily="2" charset="2"/>
        <a:buChar char="§"/>
        <a:defRPr sz="3700" kern="1200">
          <a:solidFill>
            <a:schemeClr val="tx1"/>
          </a:solidFill>
          <a:latin typeface="Arial" pitchFamily="34" charset="0"/>
          <a:ea typeface="+mn-ea"/>
          <a:cs typeface="Arial" pitchFamily="34" charset="0"/>
        </a:defRPr>
      </a:lvl2pPr>
      <a:lvl3pPr marL="1523733" indent="-304747" algn="l" defTabSz="1218987" rtl="0" eaLnBrk="1" latinLnBrk="0" hangingPunct="1">
        <a:spcBef>
          <a:spcPct val="20000"/>
        </a:spcBef>
        <a:buClr>
          <a:schemeClr val="tx2"/>
        </a:buClr>
        <a:buFont typeface="Wingdings" pitchFamily="2" charset="2"/>
        <a:buChar char="§"/>
        <a:defRPr sz="3200" kern="1200">
          <a:solidFill>
            <a:schemeClr val="tx1"/>
          </a:solidFill>
          <a:latin typeface="Arial" pitchFamily="34" charset="0"/>
          <a:ea typeface="+mn-ea"/>
          <a:cs typeface="Arial" pitchFamily="34" charset="0"/>
        </a:defRPr>
      </a:lvl3pPr>
      <a:lvl4pPr marL="2133227" indent="-304747" algn="l" defTabSz="1218987" rtl="0" eaLnBrk="1" latinLnBrk="0" hangingPunct="1">
        <a:spcBef>
          <a:spcPct val="20000"/>
        </a:spcBef>
        <a:buClr>
          <a:schemeClr val="tx2"/>
        </a:buClr>
        <a:buFont typeface="Wingdings" pitchFamily="2" charset="2"/>
        <a:buChar char="§"/>
        <a:defRPr sz="2700" kern="1200">
          <a:solidFill>
            <a:schemeClr val="tx1"/>
          </a:solidFill>
          <a:latin typeface="Arial" pitchFamily="34" charset="0"/>
          <a:ea typeface="+mn-ea"/>
          <a:cs typeface="Arial" pitchFamily="34" charset="0"/>
        </a:defRPr>
      </a:lvl4pPr>
      <a:lvl5pPr marL="2742720" indent="-304747" algn="l" defTabSz="1218987" rtl="0" eaLnBrk="1" latinLnBrk="0" hangingPunct="1">
        <a:spcBef>
          <a:spcPct val="20000"/>
        </a:spcBef>
        <a:buClr>
          <a:schemeClr val="tx2"/>
        </a:buClr>
        <a:buFont typeface="Wingdings" pitchFamily="2" charset="2"/>
        <a:buChar char="§"/>
        <a:defRPr sz="2700" kern="1200">
          <a:solidFill>
            <a:schemeClr val="tx1"/>
          </a:solidFill>
          <a:latin typeface="Arial" pitchFamily="34" charset="0"/>
          <a:ea typeface="+mn-ea"/>
          <a:cs typeface="Arial" pitchFamily="34" charset="0"/>
        </a:defRPr>
      </a:lvl5pPr>
      <a:lvl6pPr marL="3352213" indent="-304747" algn="l" defTabSz="1218987" rtl="0" eaLnBrk="1" latinLnBrk="0" hangingPunct="1">
        <a:spcBef>
          <a:spcPct val="20000"/>
        </a:spcBef>
        <a:buFont typeface="Arial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6pPr>
      <a:lvl7pPr marL="3961707" indent="-304747" algn="l" defTabSz="1218987" rtl="0" eaLnBrk="1" latinLnBrk="0" hangingPunct="1">
        <a:spcBef>
          <a:spcPct val="20000"/>
        </a:spcBef>
        <a:buFont typeface="Arial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7pPr>
      <a:lvl8pPr marL="4571200" indent="-304747" algn="l" defTabSz="1218987" rtl="0" eaLnBrk="1" latinLnBrk="0" hangingPunct="1">
        <a:spcBef>
          <a:spcPct val="20000"/>
        </a:spcBef>
        <a:buFont typeface="Arial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8pPr>
      <a:lvl9pPr marL="5180693" indent="-304747" algn="l" defTabSz="1218987" rtl="0" eaLnBrk="1" latinLnBrk="0" hangingPunct="1">
        <a:spcBef>
          <a:spcPct val="20000"/>
        </a:spcBef>
        <a:buFont typeface="Arial" pitchFamily="34" charset="0"/>
        <a:buChar char="•"/>
        <a:defRPr sz="27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609493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218987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828480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4pPr>
      <a:lvl5pPr marL="2437973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5pPr>
      <a:lvl6pPr marL="3047467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6pPr>
      <a:lvl7pPr marL="3656960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7pPr>
      <a:lvl8pPr marL="4266453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8pPr>
      <a:lvl9pPr marL="4875947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1C5D791-0791-4EB4-9DDE-61F2FF52AC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Version History</a:t>
            </a:r>
          </a:p>
        </p:txBody>
      </p:sp>
      <p:graphicFrame>
        <p:nvGraphicFramePr>
          <p:cNvPr id="4" name="Table 5">
            <a:extLst>
              <a:ext uri="{FF2B5EF4-FFF2-40B4-BE49-F238E27FC236}">
                <a16:creationId xmlns:a16="http://schemas.microsoft.com/office/drawing/2014/main" id="{41DE50B7-EBC6-49FD-8FBE-3E1C4D1A5EB0}"/>
              </a:ext>
            </a:extLst>
          </p:cNvPr>
          <p:cNvGraphicFramePr>
            <a:graphicFrameLocks noGrp="1"/>
          </p:cNvGraphicFramePr>
          <p:nvPr>
            <p:ph sz="half" idx="1"/>
            <p:extLst>
              <p:ext uri="{D42A27DB-BD31-4B8C-83A1-F6EECF244321}">
                <p14:modId xmlns:p14="http://schemas.microsoft.com/office/powerpoint/2010/main" val="1204534892"/>
              </p:ext>
            </p:extLst>
          </p:nvPr>
        </p:nvGraphicFramePr>
        <p:xfrm>
          <a:off x="549275" y="1037503"/>
          <a:ext cx="11072812" cy="1112520"/>
        </p:xfrm>
        <a:graphic>
          <a:graphicData uri="http://schemas.openxmlformats.org/drawingml/2006/table">
            <a:tbl>
              <a:tblPr firstRow="1" bandRow="1">
                <a:tableStyleId>{073A0DAA-6AF3-43AB-8588-CEC1D06C72B9}</a:tableStyleId>
              </a:tblPr>
              <a:tblGrid>
                <a:gridCol w="3758565">
                  <a:extLst>
                    <a:ext uri="{9D8B030D-6E8A-4147-A177-3AD203B41FA5}">
                      <a16:colId xmlns:a16="http://schemas.microsoft.com/office/drawing/2014/main" val="2189139604"/>
                    </a:ext>
                  </a:extLst>
                </a:gridCol>
                <a:gridCol w="7314247">
                  <a:extLst>
                    <a:ext uri="{9D8B030D-6E8A-4147-A177-3AD203B41FA5}">
                      <a16:colId xmlns:a16="http://schemas.microsoft.com/office/drawing/2014/main" val="3244804455"/>
                    </a:ext>
                  </a:extLst>
                </a:gridCol>
              </a:tblGrid>
              <a:tr h="370840">
                <a:tc>
                  <a:txBody>
                    <a:bodyPr/>
                    <a:lstStyle/>
                    <a:p>
                      <a:r>
                        <a:rPr lang="en-US" sz="1800" dirty="0"/>
                        <a:t>Dat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800" dirty="0"/>
                        <a:t>Changes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519634191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algn="l"/>
                      <a:r>
                        <a:rPr lang="en-US" altLang="zh-CN" sz="1800" dirty="0"/>
                        <a:t>January</a:t>
                      </a:r>
                      <a:r>
                        <a:rPr lang="en-US" sz="1800" dirty="0"/>
                        <a:t> 12</a:t>
                      </a:r>
                      <a:r>
                        <a:rPr lang="en-US" sz="1800" kern="120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, 2024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800" dirty="0"/>
                        <a:t>First release 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43996738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marL="0" marR="0" lvl="0" indent="0" algn="l" defTabSz="1218987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dirty="0"/>
                        <a:t>November 07, 2024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1800" dirty="0"/>
                        <a:t>Update date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134969767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916634927"/>
      </p:ext>
    </p:extLst>
  </p:cSld>
  <p:clrMapOvr>
    <a:masterClrMapping/>
  </p:clrMapOvr>
  <p:transition spd="med"/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-SUITE_ISPRING_CURRENT_PLAYER_ID" val="universal"/>
  <p:tag name="ISPRING_PRESENTATION_COURSE_TITLE" val="MCNW2800 - Yoga Book 9 (13, 8) Learning Material v090823"/>
  <p:tag name="ISPRING-SUITE_ISPRING_PLAYERS_CUSTOMIZATION_2" val="{&quot;universal&quot;:{&quot;skinSettings&quot;:{&quot;borderRadius&quot;:10,&quot;colors&quot;:{&quot;asideBackground&quot;:{&quot;color&quot;:&quot;#4E444E&quot;,&quot;opacity&quot;:1,&quot;type&quot;:&quot;SOLID&quot;},&quot;asideElementBackgroundActive&quot;:{&quot;color&quot;:&quot;#2A2A2A&quot;,&quot;opacity&quot;:1,&quot;type&quot;:&quot;SOLID&quot;},&quot;asideElementBackgroundHover&quot;:{&quot;color&quot;:&quot;#ABA8B1&quot;,&quot;opacity&quot;:1,&quot;type&quot;:&quot;SOLID&quot;},&quot;asideElementText&quot;:{&quot;color&quot;:&quot;#FFFFFF&quot;,&quot;opacity&quot;:1,&quot;type&quot;:&quot;SOLID&quot;},&quot;asideElementTextActive&quot;:{&quot;color&quot;:&quot;#FFFFFF&quot;,&quot;opacity&quot;:1,&quot;type&quot;:&quot;SOLID&quot;},&quot;asideElementTextHover&quot;:{&quot;color&quot;:&quot;#FFFFFF&quot;,&quot;opacity&quot;:1,&quot;type&quot;:&quot;SOLID&quot;},&quot;asideLogoBackground&quot;:{&quot;color&quot;:&quot;#1E0013&quot;,&quot;opacity&quot;:1,&quot;type&quot;:&quot;SOLID&quot;},&quot;pageBackground&quot;:{&quot;color&quot;:&quot;#1A1A1A&quot;,&quot;opacity&quot;:1,&quot;type&quot;:&quot;SOLID&quot;},&quot;playerBackground&quot;:{&quot;color&quot;:&quot;#1E0013&quot;,&quot;opacity&quot;:1,&quot;type&quot;:&quot;SOLID&quot;},&quot;playerText&quot;:{&quot;color&quot;:&quot;#E6E2E4&quot;,&quot;opacity&quot;:1,&quot;type&quot;:&quot;SOLID&quot;},&quot;primaryButtonBackground&quot;:{&quot;color&quot;:&quot;#E1251B&quot;,&quot;opacity&quot;:1,&quot;type&quot;:&quot;SOLID&quot;},&quot;primaryButtonBackgroundHover&quot;:{&quot;color&quot;:&quot;#B8252E&quot;,&quot;opacity&quot;:1,&quot;type&quot;:&quot;SOLID&quot;},&quot;primaryButtonBorder&quot;:{&quot;color&quot;:&quot;#B8252E&quot;,&quot;opacity&quot;:0,&quot;type&quot;:&quot;SOLID&quot;},&quot;primaryButtonBorderHover&quot;:{&quot;color&quot;:&quot;#E1251B&quot;,&quot;opacity&quot;:0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4E444E&quot;,&quot;opacity&quot;:1,&quot;type&quot;:&quot;SOLID&quot;},&quot;secondaryButtonBackgroundHover&quot;:{&quot;color&quot;:&quot;#ABA8B1&quot;,&quot;opacity&quot;:1,&quot;type&quot;:&quot;SOLID&quot;},&quot;secondaryButtonBorder&quot;:{&quot;color&quot;:&quot;#ABA8B1&quot;,&quot;opacity&quot;:0,&quot;type&quot;:&quot;SOLID&quot;},&quot;secondaryButtonBorderHover&quot;:{&quot;color&quot;:&quot;#4E444E&quot;,&quot;opacity&quot;:0,&quot;type&quot;:&quot;SOLID&quot;},&quot;secondaryButtonText&quot;:{&quot;color&quot;:&quot;#E6E2E4&quot;,&quot;opacity&quot;:1,&quot;type&quot;:&quot;SOLID&quot;},&quot;secondaryButtonTextHover&quot;:{&quot;color&quot;:&quot;#DADADA&quot;,&quot;opacity&quot;:1,&quot;type&quot;:&quot;SOLID&quot;}},&quot;controlPanel&quot;:{&quot;navigationMode&quot;:&quot;bySlides&quot;,&quot;progressBar&quot;:{&quot;enabled&quot;:true,&quot;mode&quot;:&quot;presentationTimeline&quot;,&quot;showLabels&quot;:fals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VolumeControl&quot;:false,&quot;visible&quot;:true},&quot;fontFamily&quot;:&quot;Arial&quot;,&quot;miniskinCustomizationEnabled&quot;:true,&quot;outlinePanel&quot;:{&quot;highlightViewedEntries&quot;:false,&quot;multilevel&quot;:true,&quot;numberEntries&quot;:false,&quot;search&quot;:true,&quot;thumbnails&quot;:false},&quot;sidePanel&quot;:{&quot;showAtLeft&quot;:true,&quot;showLogo&quot;:false,&quot;showNotes&quot;:false,&quot;showOutline&quot;:true,&quot;showPresenterInfo&quot;:false,&quot;showPresenterVideo&quot;:false,&quot;visible&quot;:true},&quot;titlePanel&quot;:{&quot;buttons&quot;:[&quot;attachments&quot;],&quot;buttonsAtLeft&quot;:false,&quot;courseTitleVisible&quot;:tru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lt;?xml version=\&quot;1.0\&quot;?&gt;\r\n&lt;actions&gt;\r\n\t&lt;action name=\&quot;playPause\&quot;&gt;\r\n\t\t&lt;shortcut code=\&quot;32\&quot; control=\&quot;0\&quot; shift=\&quot;0\&quot;\/&gt;\r\n\t&lt;\/action&gt;\r\n\t&lt;action name=\&quot;nextSlide\&quot;&gt;\r\n\t\t&lt;shortcut code=\&quot;39\&quot; control=\&quot;0\&quot; shift=\&quot;0\&quot;\/&gt;\r\n\t&lt;\/action&gt;\r\n\t&lt;action name=\&quot;previousSlide\&quot;&gt;\r\n\t\t&lt;shortcut code=\&quot;37\&quot; control=\&quot;0\&quot; shift=\&quot;0\&quot;\/&gt;\r\n\t&lt;\/action&gt;\r\n\t&lt;action name=\&quot;nextStep\&quot;&gt;\r\n\t\t&lt;shortcut code=\&quot;13\&quot; control=\&quot;0\&quot; shift=\&quot;0\&quot;\/&gt;\r\n\t&lt;\/action&gt;\r\n\t&lt;action name=\&quot;previousStep\&quot;&gt;\r\n\t\t&lt;shortcut code=\&quot;13\&quot; control=\&quot;0\&quot; shift=\&quot;1\&quot;\/&gt;\r\n\t&lt;\/action&gt;\r\n\t&lt;action name=\&quot;firstSlide\&quot;&gt;\r\n\t\t&lt;shortcut code=\&quot;36\&quot; control=\&quot;1\&quot; shift=\&quot;0\&quot;\/&gt;\r\n\t&lt;\/action&gt;\r\n\t&lt;action name=\&quot;lastSlide\&quot;&gt;\r\n\t\t&lt;shortcut code=\&quot;35\&quot; control=\&quot;1\&quot; shift=\&quot;0\&quot;\/&gt;\r\n\t&lt;\/action&gt;\r\n\t&lt;action name=\&quot;lastViewedSlide\&quot;&gt;\r\n\t\t&lt;shortcut code=\&quot;8\&quot; control=\&quot;0\&quot; shift=\&quot;0\&quot;\/&gt;\r\n\t&lt;\/action&gt;\r\n\t&lt;action name=\&quot;slideStart\&quot;&gt;\r\n\t\t&lt;shortcut code=\&quot;36\&quot; control=\&quot;0\&quot; shift=\&quot;0\&quot;\/&gt;\r\n\t&lt;\/action&gt;\r\n\t&lt;action name=\&quot;slideEnd\&quot;&gt;\r\n\t\t&lt;shortcut code=\&quot;35\&quot; control=\&quot;0\&quot; shift=\&quot;0\&quot;\/&gt;\r\n\t&lt;\/action&gt;\r\n\t&lt;action name=\&quot;seekForward\&quot;&gt;\r\n\t\t&lt;shortcut code=\&quot;0\&quot; control=\&quot;0\&quot; shift=\&quot;0\&quot;\/&gt;\r\n\t&lt;\/action&gt;\r\n\t&lt;action name=\&quot;seekBackward\&quot;&gt;\r\n\t\t&lt;shortcut code=\&quot;0\&quot; control=\&quot;0\&quot; shift=\&quot;0\&quot;\/&gt;\r\n\t&lt;\/action&gt;\r\n\t&lt;action name=\&quot;volumeUp\&quot;&gt;\r\n\t\t&lt;shortcut code=\&quot;38\&quot; control=\&quot;0\&quot; shift=\&quot;0\&quot;\/&gt;\r\n\t&lt;\/action&gt;\r\n\t&lt;action name=\&quot;volumeDown\&quot;&gt;\r\n\t\t&lt;shortcut code=\&quot;0\&quot; control=\&quot;0\&quot; shift=\&quot;0\&quot;\/&gt;\r\n\t&lt;\/action&gt;\r\n\t&lt;action name=\&quot;toggleFullscreen\&quot;&gt;\r\n\t\t&lt;shortcut code=\&quot;70\&quot; control=\&quot;1\&quot; shift=\&quot;0\&quot;\/&gt;\r\n\t&lt;\/action&gt;\r\n&lt;\/actions&gt;\r\n&quot;,&quot;skinVersion&quot;:2,&quot;skinCompatibleVersion&quot;:0,&quot;publishSettings&quot;:{&quot;backgroundColor&quot;:&quot;#1A1A1A&quot;,&quot;playerDimensions&quot;:{&quot;height&quot;:144,&quot;width&quot;:296},&quot;playerModule&quot;:&quot;UniversalHtml&quot;,&quot;presentationContent&quot;:{&quot;metadata&quot;:{&quot;references&quot;:true,&quot;texts&quot;:[&quot;DT_COURSE_TITLE&quot;,&quot;DT_REFERENCE_URL&quot;,&quot;DT_REFERENCE_TITLE&quot;,&quot;DT_SLIDE_TITLE&quot;,&quot;DT_SLIDE_NOTES_TEXT&quot;,&quot;DT_SLIDE_TEXT&quot;,&quot;DT_HYPERLINK_TOOLTIP&quot;]},&quot;resources&quot;:{&quot;attachments&quot;:true,&quot;fonts&quot;:[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Slides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Slides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Slides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Slides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Slides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COURSE_TITLE&quot;,&quot;DCT_REFERENCE_URL&quot;,&quot;DCT_REFERENCE_TITLE&quot;,&quot;DCT_SLIDE_TITLE&quot;,&quot;DCT_SLIDE_NOTES_TEXT&quot;,&quot;DCT_SLIDE_TEXT&quot;,&quot;DCT_HYPERLINK_TOOLTIP&quot;],&quot;static&quot;:[&quot;Resources&quot;,&quot;Link&quot;,&quot;Picture&quot;,&quot;Video&quot;,&quot;Document&quot;,&quot;File&quot;,&quot;Slides&quot;,&quot;Search…&quot;,&quot;in slide&quot;,&quot;Search results&quot;,&quot;No matches found.&quot;,&quot;in notes&quot;,&quot;Cancel&quot;,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slideThumbnails&quot;:{&quot;enlargeToFit&quot;:false,&quot;height&quot;:59,&quot;jpegQuality&quot;:100,&quot;keepAspectRatio&quot;:true,&quot;width&quot;:78}}}},&quot;ceipData&quot;:{&quot;enableMiniSkinCustomization&quot;:true,&quot;playerLayout&quot;:&quot;custom&quot;,&quot;playerLayoutFooter&quot;:&quot;fullscreen,slideNumber,goToPrev,goToNext&quot;,&quot;playerLayoutHeader&quot;:&quot;resources,title&quot;,&quot;playerLayoutHeaderButtonsPosition&quot;:&quot;right&quot;,&quot;playerLayoutOutline&quot;:&quot;enableSearch,enableMultilevel&quot;,&quot;playerLayoutProgress&quot;:&quot;enabledNavigation&quot;,&quot;playerLayoutProgressMode&quot;:&quot;presentationTimeline&quot;,&quot;playerLayoutSidebar&quot;:&quot;outline&quot;,&quot;playerLayoutSidebarPosition&quot;:&quot;left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custom&quot;,&quot;playerThemeFont&quot;:&quot;Arial&quot;}}}"/>
  <p:tag name="ISPRING_UUID" val="{2402AFBC-7725-4994-A34B-7E4B05CF5A90}"/>
  <p:tag name="ISPRING_FIRST_PUBLISH" val="1"/>
  <p:tag name="ISPRING_WEBLINKS_TARGETMJT" val="_self"/>
  <p:tag name="FLASHSPRING_ZOOM_TAG" val="88"/>
  <p:tag name="ISPRING_PRESENTATION_INFO_2" val="&lt;?xml version=&quot;1.0&quot; encoding=&quot;UTF-8&quot; standalone=&quot;no&quot; ?&gt;&#10;&lt;presentation2&gt;&#10;&#10;  &lt;slides&gt;&#10;    &lt;slide id=&quot;{E5D52456-7095-4A31-8261-54B8C551C7DD}&quot; pptId=&quot;314&quot;/&gt;&#10;    &lt;slide id=&quot;{7EAC4119-EC88-4AF5-8DF0-3A0A574460F4}&quot; pptId=&quot;336&quot;/&gt;&#10;    &lt;slide id=&quot;{6746694D-40DB-4677-A744-BE643073F985}&quot; pptId=&quot;337&quot;/&gt;&#10;    &lt;slide id=&quot;{BF6CF143-9281-4D2E-A992-7AA78A7D81C9}&quot; pptId=&quot;338&quot;/&gt;&#10;    &lt;slide id=&quot;{C49011C1-6872-47FD-9261-9244C4D17981}&quot; pptId=&quot;339&quot;/&gt;&#10;    &lt;slide id=&quot;{394264C0-035A-4E19-97F0-04100E9D6F17}&quot; pptId=&quot;362&quot;/&gt;&#10;    &lt;slide id=&quot;{835C3433-0DC6-4898-97B7-307D7CBD7758}&quot; pptId=&quot;2147472537&quot;/&gt;&#10;    &lt;slide id=&quot;{56FE8603-3A49-4000-8B05-44A0A68BF831}&quot; pptId=&quot;353&quot;/&gt;&#10;    &lt;slide id=&quot;{C6CDFA3B-898E-407F-890E-C08A643B2A46}&quot; pptId=&quot;6400&quot;/&gt;&#10;    &lt;slide id=&quot;{D48B7C76-8719-4051-9637-06D57DE2B0A5}&quot; pptId=&quot;347&quot;/&gt;&#10;    &lt;slide id=&quot;{36F5EBC3-E478-4C01-9EE2-A685F1846B32}&quot; pptId=&quot;6437&quot;/&gt;&#10;    &lt;slide id=&quot;{88275F57-CF94-44B4-8159-ADAF681A9523}&quot; pptId=&quot;354&quot;/&gt;&#10;    &lt;slide id=&quot;{B5BB24B5-099A-4E7E-B3B2-AA41A5344E4C}&quot; pptId=&quot;9068&quot;/&gt;&#10;    &lt;slide id=&quot;{85C17A5C-CD3E-4391-9A53-2E4866006873}&quot; pptId=&quot;376&quot;/&gt;&#10;    &lt;slide id=&quot;{1372DCE1-5DF0-45ED-A4FF-B757F0687757}&quot; pptId=&quot;377&quot;/&gt;&#10;    &lt;slide id=&quot;{3A496F74-8CD4-4F30-A7FC-965E06A332FA}&quot; pptId=&quot;381&quot;/&gt;&#10;    &lt;slide id=&quot;{4D288E74-0018-4238-B99D-8171B7331D9B}&quot; pptId=&quot;9076&quot;/&gt;&#10;    &lt;slide id=&quot;{9DDD688C-4095-400D-A563-142D9048EE20}&quot; pptId=&quot;9077&quot;/&gt;&#10;    &lt;slide id=&quot;{73B2B25A-4D96-4624-B3D6-AFEDD6A07841}&quot; pptId=&quot;9078&quot;/&gt;&#10;    &lt;slide id=&quot;{3491498F-6F39-48B6-948F-A612A77D10B7}&quot; pptId=&quot;9079&quot;/&gt;&#10;    &lt;slide id=&quot;{F9E6440C-673F-4C28-85BC-D5A2464E44CC}&quot; pptId=&quot;2147472516&quot;/&gt;&#10;    &lt;slide id=&quot;{419B8704-4C2D-494D-ACAB-4D834CA37CB0}&quot; pptId=&quot;9080&quot;/&gt;&#10;    &lt;slide id=&quot;{30D642D1-440E-49AA-97E3-34413A095BB7}&quot; pptId=&quot;9081&quot;/&gt;&#10;    &lt;slide id=&quot;{B36B7E09-E019-4374-B72F-F75A77D4CEBB}&quot; pptId=&quot;2147472517&quot;/&gt;&#10;    &lt;slide id=&quot;{DD56D42F-FAF8-4885-90FE-1D90D1248FD8}&quot; pptId=&quot;9084&quot;/&gt;&#10;    &lt;slide id=&quot;{806B1BE9-7841-4BC3-9E8E-CAA462B4D166}&quot; pptId=&quot;346&quot;/&gt;&#10;    &lt;slide id=&quot;{A644EA22-B703-4A4E-A118-BC645AFA24D2}&quot; pptId=&quot;341&quot;/&gt;&#10;    &lt;slide id=&quot;{0FA3E445-79B7-4BB9-913F-ADBDB5E42AAD}&quot; pptId=&quot;342&quot;/&gt;&#10;    &lt;slide id=&quot;{27F74243-2397-48CB-8A66-C635A9097C60}&quot; pptId=&quot;6436&quot;/&gt;&#10;    &lt;slide id=&quot;{52ABD693-417C-43E5-BD83-12729B1E3EAB}&quot; pptId=&quot;9082&quot;/&gt;&#10;    &lt;slide id=&quot;{BC33148E-DE55-4728-A0FA-4290448458DB}&quot; pptId=&quot;6347&quot;/&gt;&#10;    &lt;slide id=&quot;{1E345306-53E8-4610-9E69-D6323318BFD6}&quot; pptId=&quot;9106&quot;/&gt;&#10;    &lt;slide id=&quot;{71330A73-80EB-41FF-8C19-D80672E8647A}&quot; pptId=&quot;6345&quot;/&gt;&#10;    &lt;slide id=&quot;{12620D8A-5E8F-46DE-991D-31F99635B6FE}&quot; pptId=&quot;6369&quot;/&gt;&#10;    &lt;slide id=&quot;{4D8735D8-882F-4DC3-8628-F4827AB7947B}&quot; pptId=&quot;6342&quot;/&gt;&#10;    &lt;slide id=&quot;{096A8E4B-AFE5-4FAB-9C31-1189FC9E0D7F}&quot; pptId=&quot;2147472534&quot;/&gt;&#10;    &lt;slide id=&quot;{A0C63818-B4B9-4E46-BD2E-B1289469BA65}&quot; pptId=&quot;6343&quot;/&gt;&#10;    &lt;slide id=&quot;{0D8EECEA-F690-4891-9DE2-ACCB5CF46D54}&quot; pptId=&quot;6344&quot;/&gt;&#10;    &lt;slide id=&quot;{64E1FE54-7486-4ED8-B952-5D78AD7ECE42}&quot; pptId=&quot;6346&quot;/&gt;&#10;    &lt;slide id=&quot;{77C65F15-91D9-402D-B5EC-4D7FE30301C9}&quot; pptId=&quot;6370&quot;/&gt;&#10;    &lt;slide id=&quot;{C23A8C0C-DEC8-4496-A2D7-B44E11B4443F}&quot; pptId=&quot;2147472535&quot;/&gt;&#10;    &lt;slide id=&quot;{20583F88-BE43-4AC7-8B68-DAC47E73C9E5}&quot; pptId=&quot;6371&quot;/&gt;&#10;    &lt;slide id=&quot;{9A91A33C-0716-470A-861B-C5C7F8317349}&quot; pptId=&quot;6372&quot;/&gt;&#10;    &lt;slide id=&quot;{7FBB5B5D-81DF-4E63-A6E1-2EFAC0345FF9}&quot; pptId=&quot;6373&quot;/&gt;&#10;    &lt;slide id=&quot;{E59E41A1-F33D-4211-98AF-CCC79FB0A3C9}&quot; pptId=&quot;2147472530&quot;/&gt;&#10;    &lt;slide id=&quot;{3B860121-5707-45D8-A59B-748F4D374B84}&quot; pptId=&quot;2147472527&quot;/&gt;&#10;    &lt;slide id=&quot;{40D490E4-D032-4D04-8899-259C00E810AA}&quot; pptId=&quot;2147472528&quot;/&gt;&#10;    &lt;slide id=&quot;{9811A32E-CE23-44A3-8449-BDC4D83320EB}&quot; pptId=&quot;2147472529&quot;/&gt;&#10;    &lt;slide id=&quot;{175CEC9F-386D-4C39-BC4D-EFA2D26FFD7E}&quot; pptId=&quot;2147472518&quot;/&gt;&#10;    &lt;slide id=&quot;{4BF280E2-8C87-493A-B3E9-F92F8BE89EDA}&quot; pptId=&quot;2147472519&quot;/&gt;&#10;    &lt;slide id=&quot;{21676EFD-4DE3-4DFD-AB71-75DAF0AD6EC0}&quot; pptId=&quot;2147472520&quot;/&gt;&#10;    &lt;slide id=&quot;{09ED5F83-6524-46ED-A93B-8E7EFC8C1674}&quot; pptId=&quot;2147472521&quot;/&gt;&#10;    &lt;slide id=&quot;{85AC5A9B-04D8-4FE1-B8D7-174AC5D69482}&quot; pptId=&quot;2147472522&quot;/&gt;&#10;    &lt;slide id=&quot;{E4582C16-945E-4A58-BF58-6C60F55D5295}&quot; pptId=&quot;2147472523&quot;/&gt;&#10;    &lt;slide id=&quot;{B4FD0761-B661-465F-9A6D-AF6C949E227F}&quot; pptId=&quot;2147472524&quot;/&gt;&#10;    &lt;slide id=&quot;{A8D8E8F8-F53E-4BBB-8AE6-ECBB618B55DA}&quot; pptId=&quot;2147472525&quot;/&gt;&#10;    &lt;slide id=&quot;{6BE2F7C2-5506-4230-BD87-C763069E398E}&quot; pptId=&quot;2147472526&quot;/&gt;&#10;    &lt;slide id=&quot;{C0FAFFDE-9A84-4285-9F7A-4E7CF047A199}&quot; pptId=&quot;2147472531&quot;/&gt;&#10;    &lt;slide id=&quot;{51CB2143-0500-4358-BA3B-CEF3185C2ED7}&quot; pptId=&quot;2147472532&quot;/&gt;&#10;    &lt;slide id=&quot;{9BBDACBC-28E1-44C4-8CA1-15042C6FB4FD}&quot; pptId=&quot;2147472538&quot;/&gt;&#10;    &lt;slide id=&quot;{B46E1B68-E954-4CDB-A51A-076F4A8AF3A8}&quot; pptId=&quot;2147472539&quot;/&gt;&#10;    &lt;slide id=&quot;{B3C398F4-8476-4425-A457-CD6EF23ECDD9}&quot; pptId=&quot;2147472540&quot;/&gt;&#10;    &lt;slide id=&quot;{8CE59671-D38D-456D-AE17-1EA0E2B9A8A1}&quot; pptId=&quot;334&quot;/&gt;&#10;  &lt;/slides&gt;&#10;&#10;  &lt;narration&gt;&#10;    &lt;audioTracks&gt;&#10;      &lt;audioTrack muted=&quot;false&quot; name=&quot;Quickhits---Yoga-Book-9i-13-8-v102323 (1)&quot; resource=&quot;8472cd61&quot; slideId=&quot;{394264C0-035A-4E19-97F0-04100E9D6F17}&quot; startTime=&quot;405&quot; stepIndex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ULTRA_SCORM_COURSE_CREATOR" val="Tudor-Alexandru Panait"/>
  <p:tag name="ISPRING_ULTRA_SCORM_COURSE_ID" val="D614D428-B6A7-4B19-BF77-D8701D68561B"/>
  <p:tag name="ISPRING_CMI5_LAUNCH_METHOD" val="any window"/>
  <p:tag name="ISPRINGONLINEAUTHOR" val="Tudor-Alexandru Panait"/>
  <p:tag name="ISPRINGCLOUDFOLDERID" val="1"/>
  <p:tag name="ISPRINGONLINEFOLDERID" val="1"/>
  <p:tag name="ISPRING_RESOURCE_FOLDER" val="C:\Users\tpanait\OneDrive - Lenovo\Projects\Ongoing\iSpring Templates\Yoga book 9i\MCNW2800 - Yoga Book 9i (13, 8) Quickhit v102623\"/>
  <p:tag name="ISPRING_PRESENTATION_PATH" val="C:\Users\tpanait\OneDrive - Lenovo\Projects\Ongoing\iSpring Templates\Yoga book 9i\MCNW2800 - Yoga Book 9i (13, 8) Quickhit v102623.pptx"/>
  <p:tag name="ISPRING_SCREEN_RECS_UPDATED" val="C:\Users\tpanait\OneDrive - Lenovo\Projects\Ongoing\iSpring Templates\Yoga book 9i\MCNW2800 - Yoga Book 9i (13, 8) Quickhit v102623\"/>
  <p:tag name="ISPRING_ULTRA_SCORM_COURCE_TITLE" val="MCNW2800 - Yoga Book 9i (13, 8) Quickhit v102623"/>
  <p:tag name="ISPRING_PRESENTATION_TITLE" val="MCNW2800 - Yoga Book 9i (13, 8) Quickhit v102623"/>
  <p:tag name="ISPRING_SCORM_RATE_SLIDES" val="1"/>
  <p:tag name="ISPRING_SCORM_PASSING_SCORE" val="100.000000"/>
  <p:tag name="ISPRING_WEBLINKS_TARGET" val="_self"/>
  <p:tag name="ISPRING_LMS_API_VERSION" val="SCORM 1.2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  <p:tag name="ISPRING_SCORM_REPORT_STATUS" val="2"/>
  <p:tag name="ISPRING_OUTPUT_FOLDER" val="[[&quot;'\uFFFDKv{573174EE-7145-4A78-8E5D-B0EFDD663166}&quot;,&quot;C:\\Users\\tpanait\\OneDrive - Lenovo\\Projects\\Ongoing\\iSpring Templates\\Working files - Archive\\Yoga book 9i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,&quot;studioSettings&quot;:{&quot;onlineDestinationPath&quot;:&quot;Learning Content/tpanait@lenovo.com&quot;,&quot;onlineDestinationFolderId&quot;:&quot;952402af-5e35-11ee-aa47-02be8085b2d5&quot;,&quot;onlineDestinationUrl&quot;:&quot;steve-47.ispring.com&quot;,&quot;uploadSources&quot;:true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SLIDE_UID" val="{DEBFB7AC-8EB1-4736-A8B8-237FC08E08DE}:337"/>
  <p:tag name="ISPRING_SLIDE_ID_2" val="{6746694D-40DB-4677-A744-BE643073F985}"/>
  <p:tag name="GENSWF_ADVANCE_TIME" val="0.001"/>
  <p:tag name="ISPRING_SLIDE_INDENT_LEVEL" val="1"/>
</p:tagLst>
</file>

<file path=ppt/theme/theme1.xml><?xml version="1.0" encoding="utf-8"?>
<a:theme xmlns:a="http://schemas.openxmlformats.org/drawingml/2006/main" name="Lenovo Master">
  <a:themeElements>
    <a:clrScheme name="Lenovo Colors">
      <a:dk1>
        <a:srgbClr val="000000"/>
      </a:dk1>
      <a:lt1>
        <a:sysClr val="window" lastClr="FFFFFF"/>
      </a:lt1>
      <a:dk2>
        <a:srgbClr val="8246AF"/>
      </a:dk2>
      <a:lt2>
        <a:srgbClr val="333F48"/>
      </a:lt2>
      <a:accent1>
        <a:srgbClr val="E1140A"/>
      </a:accent1>
      <a:accent2>
        <a:srgbClr val="FF6A00"/>
      </a:accent2>
      <a:accent3>
        <a:srgbClr val="F04187"/>
      </a:accent3>
      <a:accent4>
        <a:srgbClr val="3E8DDD"/>
      </a:accent4>
      <a:accent5>
        <a:srgbClr val="46C8E1"/>
      </a:accent5>
      <a:accent6>
        <a:srgbClr val="6AC346"/>
      </a:accent6>
      <a:hlink>
        <a:srgbClr val="4AC0E0"/>
      </a:hlink>
      <a:folHlink>
        <a:srgbClr val="4AC0E0"/>
      </a:folHlink>
    </a:clrScheme>
    <a:fontScheme name="Office Classic 2">
      <a:majorFont>
        <a:latin typeface="Arial"/>
        <a:ea typeface=""/>
        <a:cs typeface=""/>
        <a:font script="Jpan" typeface="ＭＳ Ｐゴシック"/>
        <a:font script="Hang" typeface="굴림"/>
        <a:font script="Hans" typeface="黑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굴림"/>
        <a:font script="Hans" typeface="黑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rgbClr val="6F7170"/>
        </a:solidFill>
        <a:ln>
          <a:noFill/>
        </a:ln>
      </a:spPr>
      <a:bodyPr lIns="182880" tIns="182880" rIns="182880" bIns="182880" rtlCol="0" anchor="t"/>
      <a:lstStyle>
        <a:defPPr algn="l">
          <a:defRPr sz="1600" dirty="0" err="1" smtClean="0">
            <a:solidFill>
              <a:prstClr val="white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lnDef>
      <a:spPr>
        <a:ln>
          <a:solidFill>
            <a:schemeClr val="tx1"/>
          </a:solidFill>
        </a:ln>
      </a:spPr>
      <a:bodyPr/>
      <a:lstStyle/>
      <a:style>
        <a:lnRef idx="1">
          <a:schemeClr val="accent1"/>
        </a:lnRef>
        <a:fillRef idx="0">
          <a:schemeClr val="accent1"/>
        </a:fillRef>
        <a:effectRef idx="0">
          <a:schemeClr val="accent1"/>
        </a:effectRef>
        <a:fontRef idx="minor">
          <a:schemeClr val="tx1"/>
        </a:fontRef>
      </a:style>
    </a:lnDef>
    <a:txDef>
      <a:spPr>
        <a:noFill/>
      </a:spPr>
      <a:bodyPr wrap="square" rtlCol="0">
        <a:spAutoFit/>
      </a:bodyPr>
      <a:lstStyle>
        <a:defPPr>
          <a:defRPr dirty="0" smtClean="0">
            <a:latin typeface="Arial" pitchFamily="34" charset="0"/>
            <a:cs typeface="Arial" pitchFamily="34" charset="0"/>
          </a:defRPr>
        </a:defPPr>
      </a:lstStyle>
    </a:txDef>
  </a:objectDefaults>
  <a:extraClrSchemeLst/>
  <a:extLst>
    <a:ext uri="{05A4C25C-085E-4340-85A3-A5531E510DB2}">
      <thm15:themeFamily xmlns:thm15="http://schemas.microsoft.com/office/thememl/2012/main" name="LenovoTemplate-16x9_Lite" id="{16FC8C6C-2306-44F3-8E79-BDBE7A973459}" vid="{96840626-7F96-4314-AF1F-BC16C70D490C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haredWithUsers xmlns="e9472d32-921f-4d28-9c96-9d72442cfe35">
      <UserInfo>
        <DisplayName>DAVID TSIN TSE FOO KUNE</DisplayName>
        <AccountId>96</AccountId>
        <AccountType/>
      </UserInfo>
    </SharedWithUsers>
  </documentManagement>
</p:properti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3D8742BE18AFAC4C8784B3C173B3E0FB" ma:contentTypeVersion="12" ma:contentTypeDescription="Create a new document." ma:contentTypeScope="" ma:versionID="e4f6722e72083fcf6437654ffff1163f">
  <xsd:schema xmlns:xsd="http://www.w3.org/2001/XMLSchema" xmlns:xs="http://www.w3.org/2001/XMLSchema" xmlns:p="http://schemas.microsoft.com/office/2006/metadata/properties" xmlns:ns2="f738d2f9-d602-4daa-bb0b-e94fd00e210b" xmlns:ns3="e9472d32-921f-4d28-9c96-9d72442cfe35" targetNamespace="http://schemas.microsoft.com/office/2006/metadata/properties" ma:root="true" ma:fieldsID="613296389fbf8fbe5c2ed62eaf2f4418" ns2:_="" ns3:_="">
    <xsd:import namespace="f738d2f9-d602-4daa-bb0b-e94fd00e210b"/>
    <xsd:import namespace="e9472d32-921f-4d28-9c96-9d72442cfe35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DateTaken" minOccurs="0"/>
                <xsd:element ref="ns2:MediaServiceAutoTags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ServiceAutoKeyPoints" minOccurs="0"/>
                <xsd:element ref="ns2:MediaServiceKeyPoints" minOccurs="0"/>
                <xsd:element ref="ns3:SharedWithUsers" minOccurs="0"/>
                <xsd:element ref="ns3:SharedWithDetails" minOccurs="0"/>
                <xsd:element ref="ns2:MediaLengthInSecond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f738d2f9-d602-4daa-bb0b-e94fd00e210b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DateTaken" ma:index="10" nillable="true" ma:displayName="MediaServiceDateTaken" ma:hidden="true" ma:internalName="MediaServiceDateTaken" ma:readOnly="true">
      <xsd:simpleType>
        <xsd:restriction base="dms:Text"/>
      </xsd:simpleType>
    </xsd:element>
    <xsd:element name="MediaServiceAutoTags" ma:index="11" nillable="true" ma:displayName="Tags" ma:internalName="MediaServiceAutoTags" ma:readOnly="true">
      <xsd:simpleType>
        <xsd:restriction base="dms:Text"/>
      </xsd:simpleType>
    </xsd:element>
    <xsd:element name="MediaServiceGenerationTime" ma:index="12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3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4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AutoKeyPoints" ma:index="15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16" nillable="true" ma:displayName="KeyPoints" ma:internalName="MediaServiceKeyPoints" ma:readOnly="true">
      <xsd:simpleType>
        <xsd:restriction base="dms:Note">
          <xsd:maxLength value="255"/>
        </xsd:restriction>
      </xsd:simpleType>
    </xsd:element>
    <xsd:element name="MediaLengthInSeconds" ma:index="19" nillable="true" ma:displayName="Length (seconds)" ma:internalName="MediaLengthInSeconds" ma:readOnly="true">
      <xsd:simpleType>
        <xsd:restriction base="dms:Unknown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9472d32-921f-4d28-9c96-9d72442cfe35" elementFormDefault="qualified">
    <xsd:import namespace="http://schemas.microsoft.com/office/2006/documentManagement/types"/>
    <xsd:import namespace="http://schemas.microsoft.com/office/infopath/2007/PartnerControls"/>
    <xsd:element name="SharedWithUsers" ma:index="17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8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A147AB4A-29DA-4C3C-BA28-91C411DF448F}">
  <ds:schemaRefs>
    <ds:schemaRef ds:uri="http://schemas.microsoft.com/office/2006/metadata/properties"/>
    <ds:schemaRef ds:uri="http://schemas.microsoft.com/office/2006/documentManagement/types"/>
    <ds:schemaRef ds:uri="http://purl.org/dc/elements/1.1/"/>
    <ds:schemaRef ds:uri="http://purl.org/dc/dcmitype/"/>
    <ds:schemaRef ds:uri="f738d2f9-d602-4daa-bb0b-e94fd00e210b"/>
    <ds:schemaRef ds:uri="http://www.w3.org/XML/1998/namespace"/>
    <ds:schemaRef ds:uri="http://purl.org/dc/terms/"/>
    <ds:schemaRef ds:uri="http://schemas.microsoft.com/office/infopath/2007/PartnerControls"/>
    <ds:schemaRef ds:uri="http://schemas.openxmlformats.org/package/2006/metadata/core-properties"/>
    <ds:schemaRef ds:uri="e9472d32-921f-4d28-9c96-9d72442cfe35"/>
  </ds:schemaRefs>
</ds:datastoreItem>
</file>

<file path=customXml/itemProps2.xml><?xml version="1.0" encoding="utf-8"?>
<ds:datastoreItem xmlns:ds="http://schemas.openxmlformats.org/officeDocument/2006/customXml" ds:itemID="{312F6451-2B2B-45BC-A6CC-5F1D39B26DAC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f738d2f9-d602-4daa-bb0b-e94fd00e210b"/>
    <ds:schemaRef ds:uri="e9472d32-921f-4d28-9c96-9d72442cfe35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0EFA1977-EFEB-49F3-AD0A-CA0485641AC4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LenovoTemplate-16x9_Lite</Template>
  <TotalTime>6997</TotalTime>
  <Words>17</Words>
  <Application>Microsoft Office PowerPoint</Application>
  <PresentationFormat>Custom</PresentationFormat>
  <Paragraphs>8</Paragraphs>
  <Slides>1</Slides>
  <Notes>1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</vt:i4>
      </vt:variant>
    </vt:vector>
  </HeadingPairs>
  <TitlesOfParts>
    <vt:vector size="7" baseType="lpstr">
      <vt:lpstr>Arial MT</vt:lpstr>
      <vt:lpstr>Microsoft YaHei</vt:lpstr>
      <vt:lpstr>Arial</vt:lpstr>
      <vt:lpstr>Calibri</vt:lpstr>
      <vt:lpstr>Wingdings</vt:lpstr>
      <vt:lpstr>Lenovo Master</vt:lpstr>
      <vt:lpstr>Version History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Version History</dc:title>
  <dc:creator>Guido Focarelli</dc:creator>
  <cp:lastModifiedBy>Chunmiao CM1 Xiong</cp:lastModifiedBy>
  <cp:revision>275</cp:revision>
  <dcterms:created xsi:type="dcterms:W3CDTF">2022-05-05T14:11:01Z</dcterms:created>
  <dcterms:modified xsi:type="dcterms:W3CDTF">2024-11-07T02:09:5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3D8742BE18AFAC4C8784B3C173B3E0FB</vt:lpwstr>
  </property>
</Properties>
</file>